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3801"/>
  <workbookPr updateLinks="never" hidePivotFieldList="1" defaultThemeVersion="124226"/>
  <mc:AlternateContent xmlns:mc="http://schemas.openxmlformats.org/markup-compatibility/2006">
    <mc:Choice Requires="x15">
      <x15ac:absPath xmlns:x15ac="http://schemas.microsoft.com/office/spreadsheetml/2010/11/ac" url="C:\Users\s603019631\Desktop\2305_通常更新\【人事部】202305\リネーム済み_リンクデータ\第1ターム\"/>
    </mc:Choice>
  </mc:AlternateContent>
  <xr:revisionPtr revIDLastSave="0" documentId="13_ncr:1_{5E4BFAAE-6648-4876-AA91-0E2FCB811251}" xr6:coauthVersionLast="46" xr6:coauthVersionMax="46" xr10:uidLastSave="{00000000-0000-0000-0000-000000000000}"/>
  <bookViews>
    <workbookView xWindow="-108" yWindow="-108" windowWidth="23256" windowHeight="14016" tabRatio="760" xr2:uid="{00000000-000D-0000-FFFF-FFFF00000000}"/>
  </bookViews>
  <sheets>
    <sheet name="専門職 第1ターム" sheetId="6"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s>
  <definedNames>
    <definedName name="_xlnm._FilterDatabase" localSheetId="0" hidden="1">'専門職 第1ターム'!$A$2:$Y$34</definedName>
    <definedName name="_xlnm.Print_Area" localSheetId="0">'専門職 第1ターム'!$A$1:$Y$3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L29" i="6" l="1"/>
  <c r="I29" i="6"/>
  <c r="L28" i="6"/>
  <c r="L27" i="6"/>
  <c r="I27" i="6"/>
  <c r="L26" i="6" l="1"/>
  <c r="I26" i="6"/>
  <c r="L10" i="6"/>
  <c r="I10" i="6"/>
  <c r="L9" i="6"/>
  <c r="I9" i="6"/>
  <c r="L8" i="6"/>
  <c r="I8" i="6"/>
  <c r="L7" i="6"/>
  <c r="I7" i="6"/>
  <c r="L6" i="6"/>
  <c r="I6" i="6"/>
  <c r="L5" i="6"/>
  <c r="I5" i="6"/>
  <c r="L4" i="6"/>
  <c r="I4" i="6"/>
  <c r="L3" i="6"/>
  <c r="I3" i="6"/>
</calcChain>
</file>

<file path=xl/sharedStrings.xml><?xml version="1.0" encoding="utf-8"?>
<sst xmlns="http://schemas.openxmlformats.org/spreadsheetml/2006/main" count="508" uniqueCount="225">
  <si>
    <t>ポスト№</t>
  </si>
  <si>
    <t>行政分野</t>
    <rPh sb="0" eb="2">
      <t>ギョウセイ</t>
    </rPh>
    <rPh sb="2" eb="4">
      <t>ブンヤ</t>
    </rPh>
    <phoneticPr fontId="3"/>
  </si>
  <si>
    <t>局名</t>
    <rPh sb="0" eb="1">
      <t>キョク</t>
    </rPh>
    <rPh sb="1" eb="2">
      <t>メイ</t>
    </rPh>
    <phoneticPr fontId="3"/>
  </si>
  <si>
    <t>実習部署名</t>
    <rPh sb="0" eb="2">
      <t>ジッシュウ</t>
    </rPh>
    <rPh sb="2" eb="4">
      <t>ブショ</t>
    </rPh>
    <rPh sb="4" eb="5">
      <t>メイ</t>
    </rPh>
    <phoneticPr fontId="3"/>
  </si>
  <si>
    <t>文理</t>
    <rPh sb="0" eb="2">
      <t>ブンリ</t>
    </rPh>
    <phoneticPr fontId="3"/>
  </si>
  <si>
    <t>職種</t>
    <rPh sb="0" eb="2">
      <t>ショクシュ</t>
    </rPh>
    <phoneticPr fontId="3"/>
  </si>
  <si>
    <t>人数</t>
    <rPh sb="0" eb="2">
      <t>ニンズウ</t>
    </rPh>
    <phoneticPr fontId="3"/>
  </si>
  <si>
    <t>開始日</t>
    <rPh sb="0" eb="2">
      <t>カイシ</t>
    </rPh>
    <rPh sb="2" eb="3">
      <t>ヒ</t>
    </rPh>
    <phoneticPr fontId="3"/>
  </si>
  <si>
    <t>終了日</t>
    <rPh sb="0" eb="2">
      <t>シュウリョウ</t>
    </rPh>
    <rPh sb="2" eb="3">
      <t>ヒ</t>
    </rPh>
    <phoneticPr fontId="3"/>
  </si>
  <si>
    <t>日数</t>
    <rPh sb="0" eb="2">
      <t>ニッスウ</t>
    </rPh>
    <phoneticPr fontId="3"/>
  </si>
  <si>
    <t>実習日備考欄</t>
    <rPh sb="0" eb="2">
      <t>ジッシュウ</t>
    </rPh>
    <rPh sb="2" eb="3">
      <t>ヒ</t>
    </rPh>
    <rPh sb="3" eb="5">
      <t>ビコウ</t>
    </rPh>
    <rPh sb="5" eb="6">
      <t>ラン</t>
    </rPh>
    <phoneticPr fontId="3"/>
  </si>
  <si>
    <t>実習時間備考欄</t>
    <rPh sb="0" eb="2">
      <t>ジッシュウ</t>
    </rPh>
    <rPh sb="2" eb="4">
      <t>ジカン</t>
    </rPh>
    <rPh sb="4" eb="6">
      <t>ビコウ</t>
    </rPh>
    <rPh sb="6" eb="7">
      <t>ラン</t>
    </rPh>
    <phoneticPr fontId="3"/>
  </si>
  <si>
    <t>実習場所</t>
    <rPh sb="0" eb="2">
      <t>ジッシュウ</t>
    </rPh>
    <rPh sb="2" eb="4">
      <t>バショ</t>
    </rPh>
    <phoneticPr fontId="3"/>
  </si>
  <si>
    <t>専攻分野</t>
    <rPh sb="0" eb="2">
      <t>センコウ</t>
    </rPh>
    <rPh sb="2" eb="4">
      <t>ブンヤ</t>
    </rPh>
    <phoneticPr fontId="3"/>
  </si>
  <si>
    <t>その他受入条件等</t>
    <rPh sb="2" eb="3">
      <t>タ</t>
    </rPh>
    <rPh sb="3" eb="5">
      <t>ウケイレ</t>
    </rPh>
    <rPh sb="5" eb="7">
      <t>ジョウケン</t>
    </rPh>
    <rPh sb="7" eb="8">
      <t>トウ</t>
    </rPh>
    <phoneticPr fontId="3"/>
  </si>
  <si>
    <t>不問</t>
    <rPh sb="0" eb="2">
      <t>フモン</t>
    </rPh>
    <phoneticPr fontId="3"/>
  </si>
  <si>
    <t>～</t>
  </si>
  <si>
    <t>○</t>
  </si>
  <si>
    <t>実習内容</t>
    <rPh sb="0" eb="2">
      <t>ジッシュウ</t>
    </rPh>
    <rPh sb="2" eb="4">
      <t>ナイヨウ</t>
    </rPh>
    <phoneticPr fontId="3"/>
  </si>
  <si>
    <t>都市づくり</t>
    <rPh sb="0" eb="2">
      <t>トシ</t>
    </rPh>
    <phoneticPr fontId="3"/>
  </si>
  <si>
    <t>文系</t>
    <rPh sb="0" eb="2">
      <t>ブンケイ</t>
    </rPh>
    <phoneticPr fontId="3"/>
  </si>
  <si>
    <t>理系</t>
    <rPh sb="0" eb="2">
      <t>リケイ</t>
    </rPh>
    <phoneticPr fontId="3"/>
  </si>
  <si>
    <t>～</t>
    <phoneticPr fontId="3"/>
  </si>
  <si>
    <t>産業・労働・経済</t>
    <rPh sb="0" eb="2">
      <t>サンギョウ</t>
    </rPh>
    <rPh sb="3" eb="5">
      <t>ロウドウ</t>
    </rPh>
    <rPh sb="6" eb="8">
      <t>ケイザイ</t>
    </rPh>
    <phoneticPr fontId="3"/>
  </si>
  <si>
    <t>水産</t>
    <rPh sb="0" eb="2">
      <t>スイサン</t>
    </rPh>
    <phoneticPr fontId="3"/>
  </si>
  <si>
    <t>環境</t>
    <rPh sb="0" eb="2">
      <t>カンキョウ</t>
    </rPh>
    <phoneticPr fontId="3"/>
  </si>
  <si>
    <t>(月)</t>
  </si>
  <si>
    <t>環境検査</t>
    <rPh sb="0" eb="2">
      <t>カンキョウ</t>
    </rPh>
    <rPh sb="2" eb="4">
      <t>ケンサ</t>
    </rPh>
    <phoneticPr fontId="3"/>
  </si>
  <si>
    <t xml:space="preserve">１　事業場排水に関する水質規制現場調査補助(実地調査)
２ 下水処理等に関する調査業務補助(実地調査)
　　現場調査補助、水質分析、データ解析等
</t>
  </si>
  <si>
    <t>Ｗｏｒｄ
使用</t>
    <rPh sb="5" eb="7">
      <t>シヨウ</t>
    </rPh>
    <phoneticPr fontId="3"/>
  </si>
  <si>
    <t>Ｅｘｃｅｌ
使用</t>
    <rPh sb="6" eb="8">
      <t>シヨウ</t>
    </rPh>
    <phoneticPr fontId="3"/>
  </si>
  <si>
    <t>農林水産部水産課／
島しょ農林水産総合センター</t>
    <rPh sb="0" eb="2">
      <t>ノウリン</t>
    </rPh>
    <rPh sb="2" eb="4">
      <t>スイサン</t>
    </rPh>
    <rPh sb="4" eb="5">
      <t>ブ</t>
    </rPh>
    <rPh sb="5" eb="8">
      <t>スイサンカ</t>
    </rPh>
    <rPh sb="10" eb="11">
      <t>トウ</t>
    </rPh>
    <rPh sb="13" eb="15">
      <t>ノウリン</t>
    </rPh>
    <rPh sb="15" eb="17">
      <t>スイサン</t>
    </rPh>
    <rPh sb="17" eb="19">
      <t>ソウゴウ</t>
    </rPh>
    <phoneticPr fontId="3"/>
  </si>
  <si>
    <t>PowerPoint
使用</t>
    <rPh sb="11" eb="13">
      <t>シヨウ</t>
    </rPh>
    <phoneticPr fontId="3"/>
  </si>
  <si>
    <t>実習時間（予定）</t>
    <rPh sb="0" eb="2">
      <t>ジッシュウ</t>
    </rPh>
    <rPh sb="2" eb="4">
      <t>ジカン</t>
    </rPh>
    <rPh sb="5" eb="7">
      <t>ヨテイ</t>
    </rPh>
    <phoneticPr fontId="3"/>
  </si>
  <si>
    <t>下水道局</t>
    <rPh sb="0" eb="3">
      <t>ゲスイドウ</t>
    </rPh>
    <rPh sb="3" eb="4">
      <t>キョク</t>
    </rPh>
    <phoneticPr fontId="1"/>
  </si>
  <si>
    <t>不問</t>
    <rPh sb="0" eb="2">
      <t>フモン</t>
    </rPh>
    <phoneticPr fontId="4"/>
  </si>
  <si>
    <t>東京都の農業、農産物、都内産食品に関心がある者</t>
    <rPh sb="0" eb="2">
      <t>トウキョウ</t>
    </rPh>
    <rPh sb="2" eb="3">
      <t>ト</t>
    </rPh>
    <rPh sb="4" eb="6">
      <t>ノウギョウ</t>
    </rPh>
    <rPh sb="7" eb="10">
      <t>ノウサンブツ</t>
    </rPh>
    <rPh sb="11" eb="13">
      <t>トナイ</t>
    </rPh>
    <rPh sb="13" eb="14">
      <t>サン</t>
    </rPh>
    <rPh sb="14" eb="16">
      <t>ショクヒン</t>
    </rPh>
    <rPh sb="17" eb="19">
      <t>カンシン</t>
    </rPh>
    <rPh sb="22" eb="23">
      <t>シャ</t>
    </rPh>
    <phoneticPr fontId="3"/>
  </si>
  <si>
    <t>林業職を志望する者</t>
    <rPh sb="0" eb="2">
      <t>リンギョウ</t>
    </rPh>
    <rPh sb="2" eb="3">
      <t>ショク</t>
    </rPh>
    <rPh sb="4" eb="6">
      <t>シボウ</t>
    </rPh>
    <rPh sb="8" eb="9">
      <t>モノ</t>
    </rPh>
    <phoneticPr fontId="3"/>
  </si>
  <si>
    <t>本庁舎・島しょ農林水産総合センター</t>
    <rPh sb="0" eb="3">
      <t>ホンチョウシャ</t>
    </rPh>
    <phoneticPr fontId="3"/>
  </si>
  <si>
    <t>水産業の統計資料作成補助
水産資源に関する調査、試験、研究等の業務補助</t>
    <rPh sb="0" eb="2">
      <t>スイサン</t>
    </rPh>
    <rPh sb="2" eb="3">
      <t>ギョウ</t>
    </rPh>
    <rPh sb="4" eb="6">
      <t>トウケイ</t>
    </rPh>
    <rPh sb="6" eb="8">
      <t>シリョウ</t>
    </rPh>
    <rPh sb="8" eb="10">
      <t>サクセイ</t>
    </rPh>
    <rPh sb="10" eb="12">
      <t>ホジョ</t>
    </rPh>
    <rPh sb="13" eb="15">
      <t>スイサン</t>
    </rPh>
    <rPh sb="15" eb="17">
      <t>シゲン</t>
    </rPh>
    <rPh sb="18" eb="19">
      <t>カン</t>
    </rPh>
    <rPh sb="21" eb="23">
      <t>チョウサ</t>
    </rPh>
    <rPh sb="24" eb="26">
      <t>シケン</t>
    </rPh>
    <rPh sb="27" eb="29">
      <t>ケンキュウ</t>
    </rPh>
    <rPh sb="29" eb="30">
      <t>トウ</t>
    </rPh>
    <rPh sb="31" eb="33">
      <t>ギョウム</t>
    </rPh>
    <rPh sb="33" eb="35">
      <t>ホジョ</t>
    </rPh>
    <phoneticPr fontId="3"/>
  </si>
  <si>
    <t>〇</t>
  </si>
  <si>
    <t>水道局</t>
    <rPh sb="0" eb="2">
      <t>スイドウ</t>
    </rPh>
    <rPh sb="2" eb="3">
      <t>キョク</t>
    </rPh>
    <phoneticPr fontId="1"/>
  </si>
  <si>
    <t>多摩水道改革推進本部
調整部技術指導課
水質試験室</t>
    <rPh sb="0" eb="2">
      <t>タマ</t>
    </rPh>
    <rPh sb="2" eb="4">
      <t>スイドウ</t>
    </rPh>
    <rPh sb="4" eb="6">
      <t>カイカク</t>
    </rPh>
    <rPh sb="6" eb="8">
      <t>スイシン</t>
    </rPh>
    <rPh sb="8" eb="10">
      <t>ホンブ</t>
    </rPh>
    <rPh sb="11" eb="13">
      <t>チョウセイ</t>
    </rPh>
    <rPh sb="13" eb="14">
      <t>ブ</t>
    </rPh>
    <rPh sb="14" eb="16">
      <t>ギジュツ</t>
    </rPh>
    <rPh sb="16" eb="18">
      <t>シドウ</t>
    </rPh>
    <rPh sb="18" eb="19">
      <t>カ</t>
    </rPh>
    <rPh sb="20" eb="22">
      <t>スイシツ</t>
    </rPh>
    <rPh sb="22" eb="25">
      <t>シケンシツ</t>
    </rPh>
    <phoneticPr fontId="3"/>
  </si>
  <si>
    <t xml:space="preserve">東京都立川市緑町6-7
多摩都市モノレール　
高松駅　徒歩3分
</t>
    <rPh sb="0" eb="2">
      <t>トウキョウ</t>
    </rPh>
    <rPh sb="2" eb="3">
      <t>ト</t>
    </rPh>
    <rPh sb="3" eb="5">
      <t>タチカワ</t>
    </rPh>
    <rPh sb="5" eb="6">
      <t>シ</t>
    </rPh>
    <rPh sb="6" eb="7">
      <t>ミドリ</t>
    </rPh>
    <rPh sb="7" eb="8">
      <t>マチ</t>
    </rPh>
    <rPh sb="12" eb="14">
      <t>タマ</t>
    </rPh>
    <rPh sb="14" eb="16">
      <t>トシ</t>
    </rPh>
    <rPh sb="23" eb="25">
      <t>タカマツ</t>
    </rPh>
    <rPh sb="25" eb="26">
      <t>エキ</t>
    </rPh>
    <rPh sb="27" eb="29">
      <t>トホ</t>
    </rPh>
    <rPh sb="30" eb="31">
      <t>プン</t>
    </rPh>
    <phoneticPr fontId="3"/>
  </si>
  <si>
    <t>・水質管理業務の補助
　多摩地区の水質管理業務において、水質検査補助、各種資料の作成、現地確認等を通じて当局業務の理解を深める。</t>
  </si>
  <si>
    <t>化学系、生物系、環境系</t>
  </si>
  <si>
    <t>施設管理部　
排水設備課/環境管理課　</t>
  </si>
  <si>
    <t>～</t>
    <phoneticPr fontId="4"/>
  </si>
  <si>
    <t>(火)</t>
    <rPh sb="1" eb="2">
      <t>ヒ</t>
    </rPh>
    <phoneticPr fontId="4"/>
  </si>
  <si>
    <t>(水)</t>
    <rPh sb="1" eb="2">
      <t>スイ</t>
    </rPh>
    <phoneticPr fontId="4"/>
  </si>
  <si>
    <t>(木)</t>
    <rPh sb="1" eb="2">
      <t>モク</t>
    </rPh>
    <phoneticPr fontId="4"/>
  </si>
  <si>
    <t>(金)</t>
    <rPh sb="1" eb="2">
      <t>キン</t>
    </rPh>
    <phoneticPr fontId="4"/>
  </si>
  <si>
    <t>―</t>
    <phoneticPr fontId="4"/>
  </si>
  <si>
    <t>本庁舎　他</t>
    <rPh sb="0" eb="1">
      <t>ホン</t>
    </rPh>
    <rPh sb="1" eb="3">
      <t>チョウシャ</t>
    </rPh>
    <rPh sb="4" eb="5">
      <t>ホカ</t>
    </rPh>
    <phoneticPr fontId="4"/>
  </si>
  <si>
    <t>福祉・保健医療</t>
    <rPh sb="0" eb="2">
      <t>フクシ</t>
    </rPh>
    <rPh sb="3" eb="5">
      <t>ホケン</t>
    </rPh>
    <rPh sb="5" eb="7">
      <t>イリョウ</t>
    </rPh>
    <phoneticPr fontId="3"/>
  </si>
  <si>
    <t>福祉保健局</t>
    <rPh sb="0" eb="2">
      <t>フクシ</t>
    </rPh>
    <rPh sb="2" eb="4">
      <t>ホケン</t>
    </rPh>
    <rPh sb="4" eb="5">
      <t>キョク</t>
    </rPh>
    <phoneticPr fontId="1"/>
  </si>
  <si>
    <t>保健政策部
保健政策課
保健指導調整担当</t>
    <rPh sb="0" eb="2">
      <t>ホケン</t>
    </rPh>
    <rPh sb="2" eb="4">
      <t>セイサク</t>
    </rPh>
    <rPh sb="4" eb="5">
      <t>ブ</t>
    </rPh>
    <rPh sb="6" eb="8">
      <t>ホケン</t>
    </rPh>
    <rPh sb="8" eb="10">
      <t>セイサク</t>
    </rPh>
    <rPh sb="10" eb="11">
      <t>カ</t>
    </rPh>
    <rPh sb="12" eb="14">
      <t>ホケン</t>
    </rPh>
    <rPh sb="14" eb="16">
      <t>シドウ</t>
    </rPh>
    <rPh sb="16" eb="18">
      <t>チョウセイ</t>
    </rPh>
    <rPh sb="18" eb="20">
      <t>タントウ</t>
    </rPh>
    <phoneticPr fontId="4"/>
  </si>
  <si>
    <t>保健師</t>
    <rPh sb="0" eb="2">
      <t>ホケン</t>
    </rPh>
    <rPh sb="2" eb="3">
      <t>シ</t>
    </rPh>
    <phoneticPr fontId="4"/>
  </si>
  <si>
    <t>①多摩地域の都保健所（南多摩、多摩立川）3日
+
②都庁1日</t>
    <rPh sb="21" eb="22">
      <t>ニチ</t>
    </rPh>
    <rPh sb="26" eb="27">
      <t>ト</t>
    </rPh>
    <rPh sb="27" eb="28">
      <t>チョウ</t>
    </rPh>
    <rPh sb="29" eb="30">
      <t>ニチ</t>
    </rPh>
    <phoneticPr fontId="4"/>
  </si>
  <si>
    <t>保健師活動全般</t>
    <rPh sb="0" eb="2">
      <t>ホケン</t>
    </rPh>
    <rPh sb="2" eb="3">
      <t>シ</t>
    </rPh>
    <rPh sb="3" eb="5">
      <t>カツドウ</t>
    </rPh>
    <rPh sb="5" eb="7">
      <t>ゼンパン</t>
    </rPh>
    <phoneticPr fontId="4"/>
  </si>
  <si>
    <t>看護学</t>
    <rPh sb="0" eb="2">
      <t>カンゴ</t>
    </rPh>
    <rPh sb="2" eb="3">
      <t>ガク</t>
    </rPh>
    <phoneticPr fontId="4"/>
  </si>
  <si>
    <t>公衆衛生活動に関心がある方
※保健師助産師看護師学校養成所指定規則に基づく臨地実習には該当しません</t>
    <phoneticPr fontId="4"/>
  </si>
  <si>
    <t>児童相談センター
保護第一課
第二担当</t>
    <rPh sb="0" eb="2">
      <t>ジドウ</t>
    </rPh>
    <rPh sb="2" eb="4">
      <t>ソウダン</t>
    </rPh>
    <rPh sb="9" eb="11">
      <t>ホゴ</t>
    </rPh>
    <rPh sb="11" eb="12">
      <t>ダイ</t>
    </rPh>
    <rPh sb="12" eb="14">
      <t>イッカ</t>
    </rPh>
    <rPh sb="15" eb="17">
      <t>ダイニ</t>
    </rPh>
    <rPh sb="17" eb="19">
      <t>タントウ</t>
    </rPh>
    <phoneticPr fontId="4"/>
  </si>
  <si>
    <t>福祉</t>
    <rPh sb="0" eb="2">
      <t>フクシ</t>
    </rPh>
    <phoneticPr fontId="4"/>
  </si>
  <si>
    <t>児童相談センター
一時保護所</t>
    <rPh sb="0" eb="2">
      <t>ジドウ</t>
    </rPh>
    <rPh sb="2" eb="4">
      <t>ソウダン</t>
    </rPh>
    <rPh sb="9" eb="11">
      <t>イチジ</t>
    </rPh>
    <rPh sb="11" eb="13">
      <t>ホゴ</t>
    </rPh>
    <rPh sb="13" eb="14">
      <t>ショ</t>
    </rPh>
    <phoneticPr fontId="4"/>
  </si>
  <si>
    <t>一時保護中の子供の生活支援</t>
    <phoneticPr fontId="4"/>
  </si>
  <si>
    <t>社会福祉
児童福祉
ソーシャルワーク</t>
    <rPh sb="0" eb="2">
      <t>シャカイ</t>
    </rPh>
    <rPh sb="2" eb="4">
      <t>フクシ</t>
    </rPh>
    <rPh sb="5" eb="7">
      <t>ジドウ</t>
    </rPh>
    <rPh sb="7" eb="9">
      <t>フクシ</t>
    </rPh>
    <phoneticPr fontId="4"/>
  </si>
  <si>
    <r>
      <t>・</t>
    </r>
    <r>
      <rPr>
        <b/>
        <sz val="9"/>
        <rFont val="メイリオ"/>
        <family val="3"/>
        <charset val="128"/>
      </rPr>
      <t>男性のみ受入可</t>
    </r>
    <r>
      <rPr>
        <sz val="9"/>
        <rFont val="メイリオ"/>
        <family val="3"/>
        <charset val="128"/>
      </rPr>
      <t xml:space="preserve">
・心身ともに健康な方
・体調不良の場合、感染症罹患の疑いがある場合等は受入できません。
・個人情報保護等の観点から実習継続に支障があると児童相談所が判断した場合は、実習を中断させていただく場合があります。
・実習中は携帯電話の使用を制限する場合があります。</t>
    </r>
    <rPh sb="1" eb="3">
      <t>ダンセイ</t>
    </rPh>
    <rPh sb="5" eb="7">
      <t>ウケイレ</t>
    </rPh>
    <rPh sb="7" eb="8">
      <t>カ</t>
    </rPh>
    <rPh sb="10" eb="12">
      <t>シンシン</t>
    </rPh>
    <rPh sb="15" eb="17">
      <t>ケンコウ</t>
    </rPh>
    <rPh sb="18" eb="19">
      <t>カタ</t>
    </rPh>
    <rPh sb="21" eb="23">
      <t>タイチョウ</t>
    </rPh>
    <rPh sb="23" eb="25">
      <t>フリョウ</t>
    </rPh>
    <rPh sb="26" eb="28">
      <t>バアイ</t>
    </rPh>
    <rPh sb="29" eb="32">
      <t>カンセンショウ</t>
    </rPh>
    <rPh sb="32" eb="34">
      <t>リカン</t>
    </rPh>
    <rPh sb="35" eb="36">
      <t>ウタガ</t>
    </rPh>
    <rPh sb="40" eb="42">
      <t>バアイ</t>
    </rPh>
    <rPh sb="42" eb="43">
      <t>ナド</t>
    </rPh>
    <rPh sb="44" eb="46">
      <t>ウケイレ</t>
    </rPh>
    <rPh sb="54" eb="56">
      <t>コジン</t>
    </rPh>
    <rPh sb="56" eb="58">
      <t>ジョウホウ</t>
    </rPh>
    <rPh sb="58" eb="60">
      <t>ホゴ</t>
    </rPh>
    <rPh sb="60" eb="61">
      <t>ナド</t>
    </rPh>
    <rPh sb="62" eb="64">
      <t>カンテン</t>
    </rPh>
    <rPh sb="66" eb="68">
      <t>ジッシュウ</t>
    </rPh>
    <rPh sb="68" eb="70">
      <t>ケイゾク</t>
    </rPh>
    <rPh sb="71" eb="73">
      <t>シショウ</t>
    </rPh>
    <rPh sb="77" eb="79">
      <t>ジドウ</t>
    </rPh>
    <rPh sb="79" eb="81">
      <t>ソウダン</t>
    </rPh>
    <rPh sb="81" eb="82">
      <t>ショ</t>
    </rPh>
    <rPh sb="83" eb="85">
      <t>ハンダン</t>
    </rPh>
    <rPh sb="87" eb="89">
      <t>バアイ</t>
    </rPh>
    <rPh sb="91" eb="93">
      <t>ジッシュウ</t>
    </rPh>
    <rPh sb="94" eb="96">
      <t>チュウダン</t>
    </rPh>
    <rPh sb="103" eb="105">
      <t>バアイ</t>
    </rPh>
    <rPh sb="113" eb="116">
      <t>ジッシュウチュウ</t>
    </rPh>
    <rPh sb="117" eb="119">
      <t>ケイタイ</t>
    </rPh>
    <rPh sb="119" eb="121">
      <t>デンワ</t>
    </rPh>
    <rPh sb="122" eb="124">
      <t>シヨウ</t>
    </rPh>
    <rPh sb="125" eb="127">
      <t>セイゲン</t>
    </rPh>
    <rPh sb="129" eb="131">
      <t>バアイ</t>
    </rPh>
    <phoneticPr fontId="4"/>
  </si>
  <si>
    <t>立川児童相談所
保護課
保護担当</t>
    <rPh sb="0" eb="2">
      <t>タチカワ</t>
    </rPh>
    <rPh sb="2" eb="4">
      <t>ジドウ</t>
    </rPh>
    <rPh sb="4" eb="6">
      <t>ソウダン</t>
    </rPh>
    <rPh sb="6" eb="7">
      <t>ジョ</t>
    </rPh>
    <rPh sb="8" eb="10">
      <t>ホゴ</t>
    </rPh>
    <rPh sb="10" eb="11">
      <t>カ</t>
    </rPh>
    <rPh sb="12" eb="14">
      <t>ホゴ</t>
    </rPh>
    <rPh sb="14" eb="16">
      <t>タントウ</t>
    </rPh>
    <phoneticPr fontId="4"/>
  </si>
  <si>
    <t>立川児童相談所
一時保護所</t>
    <rPh sb="0" eb="2">
      <t>タチカワ</t>
    </rPh>
    <rPh sb="2" eb="4">
      <t>ジドウ</t>
    </rPh>
    <rPh sb="4" eb="6">
      <t>ソウダン</t>
    </rPh>
    <rPh sb="6" eb="7">
      <t>ショ</t>
    </rPh>
    <rPh sb="8" eb="10">
      <t>イチジ</t>
    </rPh>
    <rPh sb="10" eb="12">
      <t>ホゴ</t>
    </rPh>
    <rPh sb="12" eb="13">
      <t>ショ</t>
    </rPh>
    <phoneticPr fontId="4"/>
  </si>
  <si>
    <t>一時保護中の子供の生活支援、学習指導等の補助</t>
    <phoneticPr fontId="4"/>
  </si>
  <si>
    <t>社会福祉
児童福祉
ソーシャルワーク</t>
    <phoneticPr fontId="4"/>
  </si>
  <si>
    <t>・心身ともに健康な方
・体調不良の場合、感染症罹患の疑いがある場合等は受入できません。
・個人情報保護等の観点から実習継続に支障があると児童相談所が判断した場合は、実習を中断させていただく場合があります。
・実習中は携帯電話の使用を制限する場合があります。</t>
    <rPh sb="1" eb="3">
      <t>シンシン</t>
    </rPh>
    <rPh sb="6" eb="8">
      <t>ケンコウ</t>
    </rPh>
    <rPh sb="9" eb="10">
      <t>カタ</t>
    </rPh>
    <rPh sb="12" eb="14">
      <t>タイチョウ</t>
    </rPh>
    <rPh sb="14" eb="16">
      <t>フリョウ</t>
    </rPh>
    <rPh sb="17" eb="19">
      <t>バアイ</t>
    </rPh>
    <rPh sb="20" eb="23">
      <t>カンセンショウ</t>
    </rPh>
    <rPh sb="23" eb="25">
      <t>リカン</t>
    </rPh>
    <rPh sb="26" eb="27">
      <t>ウタガ</t>
    </rPh>
    <rPh sb="31" eb="33">
      <t>バアイ</t>
    </rPh>
    <rPh sb="33" eb="34">
      <t>ナド</t>
    </rPh>
    <rPh sb="35" eb="37">
      <t>ウケイレ</t>
    </rPh>
    <rPh sb="45" eb="47">
      <t>コジン</t>
    </rPh>
    <rPh sb="47" eb="49">
      <t>ジョウホウ</t>
    </rPh>
    <rPh sb="49" eb="51">
      <t>ホゴ</t>
    </rPh>
    <rPh sb="51" eb="52">
      <t>ナド</t>
    </rPh>
    <rPh sb="53" eb="55">
      <t>カンテン</t>
    </rPh>
    <rPh sb="57" eb="59">
      <t>ジッシュウ</t>
    </rPh>
    <rPh sb="59" eb="61">
      <t>ケイゾク</t>
    </rPh>
    <rPh sb="62" eb="64">
      <t>シショウ</t>
    </rPh>
    <rPh sb="68" eb="70">
      <t>ジドウ</t>
    </rPh>
    <rPh sb="70" eb="72">
      <t>ソウダン</t>
    </rPh>
    <rPh sb="72" eb="73">
      <t>ショ</t>
    </rPh>
    <rPh sb="74" eb="76">
      <t>ハンダン</t>
    </rPh>
    <rPh sb="78" eb="80">
      <t>バアイ</t>
    </rPh>
    <rPh sb="82" eb="84">
      <t>ジッシュウ</t>
    </rPh>
    <rPh sb="85" eb="87">
      <t>チュウダン</t>
    </rPh>
    <rPh sb="94" eb="96">
      <t>バアイ</t>
    </rPh>
    <rPh sb="104" eb="107">
      <t>ジッシュウチュウ</t>
    </rPh>
    <rPh sb="108" eb="110">
      <t>ケイタイ</t>
    </rPh>
    <rPh sb="110" eb="112">
      <t>デンワ</t>
    </rPh>
    <rPh sb="113" eb="115">
      <t>シヨウ</t>
    </rPh>
    <rPh sb="116" eb="118">
      <t>セイゲン</t>
    </rPh>
    <rPh sb="120" eb="122">
      <t>バアイ</t>
    </rPh>
    <phoneticPr fontId="4"/>
  </si>
  <si>
    <t>八王子児童相談所
保護課
保護担当</t>
    <rPh sb="0" eb="3">
      <t>ハチオウジ</t>
    </rPh>
    <rPh sb="3" eb="8">
      <t>ジソウ</t>
    </rPh>
    <rPh sb="9" eb="11">
      <t>ホゴ</t>
    </rPh>
    <rPh sb="11" eb="12">
      <t>カ</t>
    </rPh>
    <rPh sb="13" eb="15">
      <t>ホゴ</t>
    </rPh>
    <rPh sb="15" eb="17">
      <t>タントウ</t>
    </rPh>
    <phoneticPr fontId="4"/>
  </si>
  <si>
    <t>八王子児童相談所
一時保護所</t>
    <rPh sb="0" eb="3">
      <t>ハチオウジ</t>
    </rPh>
    <rPh sb="3" eb="8">
      <t>ジソウ</t>
    </rPh>
    <rPh sb="9" eb="11">
      <t>イチジ</t>
    </rPh>
    <rPh sb="11" eb="13">
      <t>ホゴ</t>
    </rPh>
    <rPh sb="13" eb="14">
      <t>ショ</t>
    </rPh>
    <phoneticPr fontId="4"/>
  </si>
  <si>
    <t>一時保護中の子供の生活支援、学習指導・運動等の補助</t>
    <rPh sb="0" eb="2">
      <t>イチジ</t>
    </rPh>
    <rPh sb="2" eb="5">
      <t>ホゴチュウ</t>
    </rPh>
    <rPh sb="6" eb="8">
      <t>コドモ</t>
    </rPh>
    <rPh sb="9" eb="11">
      <t>セイカツ</t>
    </rPh>
    <rPh sb="11" eb="13">
      <t>シエン</t>
    </rPh>
    <rPh sb="14" eb="16">
      <t>ガクシュウ</t>
    </rPh>
    <rPh sb="16" eb="18">
      <t>シドウ</t>
    </rPh>
    <rPh sb="19" eb="21">
      <t>ウンドウ</t>
    </rPh>
    <rPh sb="21" eb="22">
      <t>トウ</t>
    </rPh>
    <rPh sb="23" eb="25">
      <t>ホジョ</t>
    </rPh>
    <phoneticPr fontId="4"/>
  </si>
  <si>
    <t>社会福祉
児童福祉</t>
    <rPh sb="0" eb="2">
      <t>シャカイ</t>
    </rPh>
    <rPh sb="2" eb="4">
      <t>フクシ</t>
    </rPh>
    <rPh sb="5" eb="7">
      <t>ジドウ</t>
    </rPh>
    <rPh sb="7" eb="9">
      <t>フクシ</t>
    </rPh>
    <phoneticPr fontId="4"/>
  </si>
  <si>
    <r>
      <rPr>
        <b/>
        <sz val="9"/>
        <rFont val="メイリオ"/>
        <family val="3"/>
        <charset val="128"/>
      </rPr>
      <t>・2名のうち、男性1名・女性1名</t>
    </r>
    <r>
      <rPr>
        <sz val="9"/>
        <rFont val="メイリオ"/>
        <family val="3"/>
        <charset val="128"/>
      </rPr>
      <t xml:space="preserve">
・心身ともに健康な方
・児童に対して親切・丁寧な対応ができる方
・体調不良の場合、感染症罹患の疑いがある場合等は受入できません。
・個人情報保護等の観点から実習継続に支障があると児童相談所が判断した場合は、実習を中断させていただく場合があります。
・実習中は携帯電話の使用を制限する場合があります。</t>
    </r>
    <rPh sb="18" eb="20">
      <t>シンシン</t>
    </rPh>
    <rPh sb="23" eb="25">
      <t>ケンコウ</t>
    </rPh>
    <rPh sb="26" eb="27">
      <t>カタ</t>
    </rPh>
    <rPh sb="29" eb="31">
      <t>ジドウ</t>
    </rPh>
    <rPh sb="32" eb="33">
      <t>タイ</t>
    </rPh>
    <rPh sb="35" eb="37">
      <t>シンセツ</t>
    </rPh>
    <rPh sb="38" eb="40">
      <t>テイネイ</t>
    </rPh>
    <rPh sb="41" eb="43">
      <t>タイオウ</t>
    </rPh>
    <rPh sb="47" eb="48">
      <t>カタ</t>
    </rPh>
    <phoneticPr fontId="4"/>
  </si>
  <si>
    <t>北児童相談所
心理指導担当</t>
    <rPh sb="0" eb="1">
      <t>キタ</t>
    </rPh>
    <rPh sb="1" eb="3">
      <t>ジドウ</t>
    </rPh>
    <rPh sb="3" eb="5">
      <t>ソウダン</t>
    </rPh>
    <rPh sb="5" eb="6">
      <t>ショ</t>
    </rPh>
    <rPh sb="7" eb="9">
      <t>シンリ</t>
    </rPh>
    <rPh sb="9" eb="11">
      <t>シドウ</t>
    </rPh>
    <rPh sb="11" eb="13">
      <t>タントウ</t>
    </rPh>
    <phoneticPr fontId="4"/>
  </si>
  <si>
    <t>心理</t>
    <rPh sb="0" eb="2">
      <t>シンリ</t>
    </rPh>
    <phoneticPr fontId="4"/>
  </si>
  <si>
    <t>北児童相談所</t>
    <rPh sb="0" eb="1">
      <t>キタ</t>
    </rPh>
    <rPh sb="1" eb="3">
      <t>ジドウ</t>
    </rPh>
    <rPh sb="3" eb="5">
      <t>ソウダン</t>
    </rPh>
    <rPh sb="5" eb="6">
      <t>ショ</t>
    </rPh>
    <phoneticPr fontId="4"/>
  </si>
  <si>
    <t>児童相談所における児童心理司の補助</t>
    <rPh sb="0" eb="2">
      <t>ジドウ</t>
    </rPh>
    <rPh sb="2" eb="4">
      <t>ソウダン</t>
    </rPh>
    <rPh sb="4" eb="5">
      <t>ショ</t>
    </rPh>
    <rPh sb="9" eb="11">
      <t>ジドウ</t>
    </rPh>
    <rPh sb="11" eb="13">
      <t>シンリ</t>
    </rPh>
    <rPh sb="13" eb="14">
      <t>シ</t>
    </rPh>
    <rPh sb="15" eb="17">
      <t>ホジョ</t>
    </rPh>
    <phoneticPr fontId="4"/>
  </si>
  <si>
    <t>心理学</t>
    <rPh sb="0" eb="2">
      <t>シンリ</t>
    </rPh>
    <rPh sb="2" eb="3">
      <t>ガク</t>
    </rPh>
    <phoneticPr fontId="4"/>
  </si>
  <si>
    <t>・心身ともに健康な方
・北区に在住の方は受入できません。
・体調不良の場合、感染症罹患の疑いがある場合等は受入できません。
・個人情報保護等の観点から実習継続に支障があると児童相談所が判断した場合は、実習を中断させていただく場合があります。
・実習中は携帯電話の使用を制限する場合があります。
・できるだけ、将来児童福祉分野に就職を希望している学生の受け入れを希望します。</t>
    <rPh sb="1" eb="3">
      <t>シンシン</t>
    </rPh>
    <rPh sb="6" eb="8">
      <t>ケンコウ</t>
    </rPh>
    <rPh sb="9" eb="10">
      <t>カタ</t>
    </rPh>
    <rPh sb="12" eb="14">
      <t>キタク</t>
    </rPh>
    <rPh sb="15" eb="17">
      <t>ザイジュウ</t>
    </rPh>
    <rPh sb="18" eb="19">
      <t>カタ</t>
    </rPh>
    <rPh sb="20" eb="22">
      <t>ウケイレ</t>
    </rPh>
    <rPh sb="63" eb="65">
      <t>コジン</t>
    </rPh>
    <rPh sb="65" eb="67">
      <t>ジョウホウ</t>
    </rPh>
    <rPh sb="67" eb="69">
      <t>ホゴ</t>
    </rPh>
    <rPh sb="69" eb="70">
      <t>ナド</t>
    </rPh>
    <rPh sb="71" eb="73">
      <t>カンテン</t>
    </rPh>
    <rPh sb="75" eb="77">
      <t>ジッシュウ</t>
    </rPh>
    <rPh sb="77" eb="79">
      <t>ケイゾク</t>
    </rPh>
    <rPh sb="80" eb="82">
      <t>シショウ</t>
    </rPh>
    <rPh sb="86" eb="88">
      <t>ジドウ</t>
    </rPh>
    <rPh sb="88" eb="90">
      <t>ソウダン</t>
    </rPh>
    <rPh sb="90" eb="91">
      <t>ショ</t>
    </rPh>
    <rPh sb="92" eb="94">
      <t>ハンダン</t>
    </rPh>
    <rPh sb="96" eb="98">
      <t>バアイ</t>
    </rPh>
    <rPh sb="100" eb="102">
      <t>ジッシュウ</t>
    </rPh>
    <rPh sb="103" eb="105">
      <t>チュウダン</t>
    </rPh>
    <rPh sb="112" eb="114">
      <t>バアイ</t>
    </rPh>
    <rPh sb="154" eb="156">
      <t>ショウライ</t>
    </rPh>
    <rPh sb="156" eb="158">
      <t>ジドウ</t>
    </rPh>
    <rPh sb="158" eb="160">
      <t>フクシ</t>
    </rPh>
    <rPh sb="160" eb="162">
      <t>ブンヤ</t>
    </rPh>
    <rPh sb="163" eb="165">
      <t>シュウショク</t>
    </rPh>
    <rPh sb="166" eb="168">
      <t>キボウ</t>
    </rPh>
    <rPh sb="172" eb="174">
      <t>ガクセイ</t>
    </rPh>
    <rPh sb="175" eb="176">
      <t>ウ</t>
    </rPh>
    <rPh sb="177" eb="178">
      <t>イ</t>
    </rPh>
    <rPh sb="180" eb="182">
      <t>キボウ</t>
    </rPh>
    <phoneticPr fontId="4"/>
  </si>
  <si>
    <t>立川児童相談所
相談援助課
心理指導担当</t>
    <rPh sb="0" eb="2">
      <t>タチカワ</t>
    </rPh>
    <rPh sb="2" eb="4">
      <t>ジドウ</t>
    </rPh>
    <rPh sb="4" eb="7">
      <t>ソウダンショ</t>
    </rPh>
    <rPh sb="8" eb="10">
      <t>ソウダン</t>
    </rPh>
    <rPh sb="10" eb="12">
      <t>エンジョ</t>
    </rPh>
    <rPh sb="12" eb="13">
      <t>カ</t>
    </rPh>
    <rPh sb="14" eb="16">
      <t>シンリ</t>
    </rPh>
    <rPh sb="16" eb="18">
      <t>シドウ</t>
    </rPh>
    <rPh sb="18" eb="20">
      <t>タントウ</t>
    </rPh>
    <phoneticPr fontId="4"/>
  </si>
  <si>
    <t>立川児童相談所</t>
    <rPh sb="0" eb="2">
      <t>タチカワ</t>
    </rPh>
    <rPh sb="2" eb="4">
      <t>ジドウ</t>
    </rPh>
    <rPh sb="4" eb="7">
      <t>ソウダンショ</t>
    </rPh>
    <phoneticPr fontId="4"/>
  </si>
  <si>
    <t>児童相談所における児童心理司の補助
グループ指導（ＣＡＲＥ）補助、療育手帳判定業務見学など</t>
    <rPh sb="0" eb="2">
      <t>ジドウ</t>
    </rPh>
    <rPh sb="2" eb="5">
      <t>ソウダンショ</t>
    </rPh>
    <rPh sb="9" eb="11">
      <t>ジドウ</t>
    </rPh>
    <rPh sb="11" eb="13">
      <t>シンリ</t>
    </rPh>
    <rPh sb="13" eb="14">
      <t>シ</t>
    </rPh>
    <rPh sb="15" eb="17">
      <t>ホジョ</t>
    </rPh>
    <rPh sb="22" eb="24">
      <t>シドウ</t>
    </rPh>
    <rPh sb="30" eb="32">
      <t>ホジョ</t>
    </rPh>
    <rPh sb="33" eb="35">
      <t>リョウイク</t>
    </rPh>
    <rPh sb="35" eb="37">
      <t>テチョウ</t>
    </rPh>
    <rPh sb="37" eb="39">
      <t>ハンテイ</t>
    </rPh>
    <rPh sb="39" eb="41">
      <t>ギョウム</t>
    </rPh>
    <rPh sb="41" eb="43">
      <t>ケンガク</t>
    </rPh>
    <phoneticPr fontId="4"/>
  </si>
  <si>
    <t>心理学</t>
    <rPh sb="0" eb="3">
      <t>シンリガク</t>
    </rPh>
    <phoneticPr fontId="4"/>
  </si>
  <si>
    <t>・心身ともに健康な方
・体調不良の場合、感染症罹患の疑いがある場合等は受入できません。
・立川市、昭島市、国立市、青梅市、福生市、羽村市、あきる野市、瑞穂町、日の出町、檜原村、奥多摩村に在住の方は受入できません。
・個人情報保護等の観点から実習継続に支障があると児童相談所が判断した場合は、実習を中断させていただく場合があります。
・実習中は携帯電話の使用を制限する場合があります。</t>
    <rPh sb="1" eb="3">
      <t>シンシン</t>
    </rPh>
    <rPh sb="6" eb="8">
      <t>ケンコウ</t>
    </rPh>
    <rPh sb="9" eb="10">
      <t>カタ</t>
    </rPh>
    <rPh sb="108" eb="110">
      <t>コジン</t>
    </rPh>
    <rPh sb="110" eb="112">
      <t>ジョウホウ</t>
    </rPh>
    <rPh sb="112" eb="114">
      <t>ホゴ</t>
    </rPh>
    <rPh sb="114" eb="115">
      <t>ナド</t>
    </rPh>
    <rPh sb="116" eb="118">
      <t>カンテン</t>
    </rPh>
    <rPh sb="120" eb="122">
      <t>ジッシュウ</t>
    </rPh>
    <rPh sb="122" eb="124">
      <t>ケイゾク</t>
    </rPh>
    <rPh sb="125" eb="127">
      <t>シショウ</t>
    </rPh>
    <rPh sb="131" eb="133">
      <t>ジドウ</t>
    </rPh>
    <rPh sb="133" eb="135">
      <t>ソウダン</t>
    </rPh>
    <rPh sb="135" eb="136">
      <t>ショ</t>
    </rPh>
    <rPh sb="137" eb="139">
      <t>ハンダン</t>
    </rPh>
    <rPh sb="141" eb="143">
      <t>バアイ</t>
    </rPh>
    <rPh sb="145" eb="147">
      <t>ジッシュウ</t>
    </rPh>
    <rPh sb="148" eb="150">
      <t>チュウダン</t>
    </rPh>
    <rPh sb="157" eb="159">
      <t>バアイ</t>
    </rPh>
    <phoneticPr fontId="4"/>
  </si>
  <si>
    <t>杉並児童相談所
心理指導担当</t>
    <rPh sb="0" eb="2">
      <t>スギナミ</t>
    </rPh>
    <rPh sb="2" eb="4">
      <t>ジドウ</t>
    </rPh>
    <rPh sb="4" eb="6">
      <t>ソウダン</t>
    </rPh>
    <rPh sb="6" eb="7">
      <t>ジョ</t>
    </rPh>
    <rPh sb="8" eb="10">
      <t>シンリ</t>
    </rPh>
    <rPh sb="10" eb="12">
      <t>シドウ</t>
    </rPh>
    <rPh sb="12" eb="14">
      <t>タントウ</t>
    </rPh>
    <phoneticPr fontId="4"/>
  </si>
  <si>
    <t>杉並児童相談所</t>
    <rPh sb="0" eb="7">
      <t>スギナミジドウソウダンジョ</t>
    </rPh>
    <phoneticPr fontId="4"/>
  </si>
  <si>
    <t>児童相談所における児童心理司の補助
療育手帳判定業務見学
グループ指導業務補助　等</t>
    <rPh sb="0" eb="2">
      <t>ジドウ</t>
    </rPh>
    <rPh sb="2" eb="4">
      <t>ソウダン</t>
    </rPh>
    <rPh sb="4" eb="5">
      <t>ジョ</t>
    </rPh>
    <rPh sb="9" eb="11">
      <t>ジドウ</t>
    </rPh>
    <rPh sb="11" eb="13">
      <t>シンリ</t>
    </rPh>
    <rPh sb="13" eb="14">
      <t>ツカサ</t>
    </rPh>
    <rPh sb="15" eb="17">
      <t>ホジョ</t>
    </rPh>
    <rPh sb="18" eb="20">
      <t>リョウイク</t>
    </rPh>
    <rPh sb="20" eb="22">
      <t>テチョウ</t>
    </rPh>
    <rPh sb="22" eb="24">
      <t>ハンテイ</t>
    </rPh>
    <rPh sb="24" eb="26">
      <t>ギョウム</t>
    </rPh>
    <rPh sb="26" eb="28">
      <t>ケンガク</t>
    </rPh>
    <rPh sb="33" eb="35">
      <t>シドウ</t>
    </rPh>
    <rPh sb="35" eb="37">
      <t>ギョウム</t>
    </rPh>
    <rPh sb="37" eb="39">
      <t>ホジョ</t>
    </rPh>
    <rPh sb="40" eb="41">
      <t>ナド</t>
    </rPh>
    <phoneticPr fontId="4"/>
  </si>
  <si>
    <t>・心身ともに健康な方
・体調不良の場合、感染症罹患の疑いがある場合等は受入できません。
・杉並区、武蔵野市、三鷹市に在住の方は受入できません。
・個人情報保護等の観点から実習継続に支障があると児童相談所が判断した場合は、実習を中断させていただく場合があります。
・実習中は携帯電話の使用を制限する場合があります。</t>
    <phoneticPr fontId="4"/>
  </si>
  <si>
    <t>福祉保健局</t>
  </si>
  <si>
    <t>誠明学園自立支援課生活担当</t>
    <rPh sb="0" eb="2">
      <t>セイメイ</t>
    </rPh>
    <rPh sb="2" eb="4">
      <t>ガクエン</t>
    </rPh>
    <rPh sb="4" eb="6">
      <t>ジリツ</t>
    </rPh>
    <rPh sb="6" eb="8">
      <t>シエン</t>
    </rPh>
    <rPh sb="8" eb="9">
      <t>カ</t>
    </rPh>
    <rPh sb="9" eb="11">
      <t>セイカツ</t>
    </rPh>
    <rPh sb="11" eb="13">
      <t>タントウ</t>
    </rPh>
    <phoneticPr fontId="3"/>
  </si>
  <si>
    <t>福祉</t>
    <rPh sb="0" eb="2">
      <t>フクシ</t>
    </rPh>
    <phoneticPr fontId="3"/>
  </si>
  <si>
    <t>実習時にその他時間帯のローテ勤務体験あり</t>
    <rPh sb="0" eb="2">
      <t>ジッシュウ</t>
    </rPh>
    <rPh sb="2" eb="3">
      <t>ジ</t>
    </rPh>
    <rPh sb="6" eb="7">
      <t>タ</t>
    </rPh>
    <rPh sb="7" eb="10">
      <t>ジカンタイ</t>
    </rPh>
    <rPh sb="14" eb="16">
      <t>キンム</t>
    </rPh>
    <rPh sb="16" eb="18">
      <t>タイケン</t>
    </rPh>
    <phoneticPr fontId="4"/>
  </si>
  <si>
    <t>東京都立誠明学園
青梅市新町3-72-1</t>
  </si>
  <si>
    <t>大学・短大等において、社会福祉学、児童福祉に関連する学科を専攻していること。</t>
  </si>
  <si>
    <t>・心身ともに健康であること。
・健康診断書・細菌検査の提出
・事前オリエンテーションへの参加</t>
  </si>
  <si>
    <t>福祉・保健医療</t>
    <rPh sb="0" eb="2">
      <t>フクシ</t>
    </rPh>
    <rPh sb="3" eb="5">
      <t>ホケン</t>
    </rPh>
    <rPh sb="5" eb="7">
      <t>イリョウ</t>
    </rPh>
    <phoneticPr fontId="4"/>
  </si>
  <si>
    <t>心身障害者福祉センター
障害認定課
知的障害担当</t>
    <rPh sb="0" eb="2">
      <t>シンシン</t>
    </rPh>
    <rPh sb="2" eb="5">
      <t>ショウガイシャ</t>
    </rPh>
    <rPh sb="5" eb="7">
      <t>フクシ</t>
    </rPh>
    <rPh sb="12" eb="14">
      <t>ショウガイ</t>
    </rPh>
    <rPh sb="14" eb="16">
      <t>ニンテイ</t>
    </rPh>
    <rPh sb="16" eb="17">
      <t>カ</t>
    </rPh>
    <rPh sb="18" eb="20">
      <t>チテキ</t>
    </rPh>
    <rPh sb="20" eb="22">
      <t>ショウガイ</t>
    </rPh>
    <rPh sb="22" eb="24">
      <t>タントウ</t>
    </rPh>
    <phoneticPr fontId="4"/>
  </si>
  <si>
    <t>心身障害者福祉センター
（新宿区神楽河岸1-1セントラルプラザ）</t>
    <rPh sb="0" eb="7">
      <t>シンシンショウガイシャフクシ</t>
    </rPh>
    <rPh sb="15" eb="18">
      <t>シンジュクク</t>
    </rPh>
    <rPh sb="18" eb="20">
      <t>カグラ</t>
    </rPh>
    <rPh sb="20" eb="22">
      <t>ガシ</t>
    </rPh>
    <phoneticPr fontId="4"/>
  </si>
  <si>
    <t>愛の手帳ほか判定業務補助、施設内見学</t>
    <rPh sb="0" eb="1">
      <t>アイ</t>
    </rPh>
    <rPh sb="2" eb="4">
      <t>テチョウ</t>
    </rPh>
    <rPh sb="6" eb="8">
      <t>ハンテイ</t>
    </rPh>
    <rPh sb="8" eb="10">
      <t>ギョウム</t>
    </rPh>
    <rPh sb="10" eb="12">
      <t>ホジョ</t>
    </rPh>
    <rPh sb="13" eb="15">
      <t>シセツ</t>
    </rPh>
    <rPh sb="15" eb="16">
      <t>ナイ</t>
    </rPh>
    <rPh sb="16" eb="18">
      <t>ケンガク</t>
    </rPh>
    <phoneticPr fontId="4"/>
  </si>
  <si>
    <t>心理学、障害福祉、教育学</t>
    <rPh sb="0" eb="3">
      <t>シンリガク</t>
    </rPh>
    <rPh sb="4" eb="6">
      <t>ショウガイ</t>
    </rPh>
    <rPh sb="6" eb="8">
      <t>フクシ</t>
    </rPh>
    <rPh sb="9" eb="11">
      <t>キョウイク</t>
    </rPh>
    <rPh sb="11" eb="12">
      <t>ガク</t>
    </rPh>
    <phoneticPr fontId="4"/>
  </si>
  <si>
    <t>障害福祉に関心がある方</t>
    <phoneticPr fontId="4"/>
  </si>
  <si>
    <t>福祉保健局</t>
    <rPh sb="0" eb="5">
      <t>フクシホケンキョク</t>
    </rPh>
    <phoneticPr fontId="4"/>
  </si>
  <si>
    <t>北療育医療センター
栄養科</t>
    <rPh sb="0" eb="5">
      <t>キタリョウイクイリョウ</t>
    </rPh>
    <rPh sb="10" eb="13">
      <t>エイヨウカ</t>
    </rPh>
    <phoneticPr fontId="4"/>
  </si>
  <si>
    <t>栄養士</t>
    <rPh sb="0" eb="3">
      <t>エイヨウシ</t>
    </rPh>
    <phoneticPr fontId="4"/>
  </si>
  <si>
    <t>水</t>
    <rPh sb="0" eb="1">
      <t>スイ</t>
    </rPh>
    <phoneticPr fontId="4"/>
  </si>
  <si>
    <t>木</t>
    <rPh sb="0" eb="1">
      <t>モク</t>
    </rPh>
    <phoneticPr fontId="4"/>
  </si>
  <si>
    <t>東京都立
北療育医療ｾﾝﾀｰ
栄養科
北区十条台1-2-3</t>
    <rPh sb="0" eb="2">
      <t>トウキョウ</t>
    </rPh>
    <rPh sb="2" eb="4">
      <t>トリツ</t>
    </rPh>
    <rPh sb="5" eb="10">
      <t>キタリョウイクイリョウ</t>
    </rPh>
    <rPh sb="15" eb="18">
      <t>エイヨウカ</t>
    </rPh>
    <rPh sb="20" eb="22">
      <t>キタク</t>
    </rPh>
    <rPh sb="22" eb="25">
      <t>ジュウジョウダイ</t>
    </rPh>
    <phoneticPr fontId="4"/>
  </si>
  <si>
    <t>心身障害児・者の総合医療療育施設における管理栄養士業務の見学
（臨床栄養管理・栄養食事指導・給食管理）</t>
    <rPh sb="0" eb="2">
      <t>シンシン</t>
    </rPh>
    <rPh sb="2" eb="4">
      <t>ショウガイ</t>
    </rPh>
    <rPh sb="4" eb="5">
      <t>ジ</t>
    </rPh>
    <rPh sb="6" eb="7">
      <t>シャ</t>
    </rPh>
    <rPh sb="8" eb="12">
      <t>ソウゴウイリョウ</t>
    </rPh>
    <rPh sb="12" eb="14">
      <t>リョウイク</t>
    </rPh>
    <rPh sb="14" eb="16">
      <t>シセツ</t>
    </rPh>
    <rPh sb="20" eb="27">
      <t>カンリエイヨウシギョウム</t>
    </rPh>
    <rPh sb="28" eb="30">
      <t>ケンガク</t>
    </rPh>
    <rPh sb="32" eb="34">
      <t>リンショウ</t>
    </rPh>
    <rPh sb="34" eb="36">
      <t>エイヨウ</t>
    </rPh>
    <rPh sb="36" eb="38">
      <t>カンリ</t>
    </rPh>
    <rPh sb="39" eb="41">
      <t>エイヨウ</t>
    </rPh>
    <rPh sb="41" eb="43">
      <t>ショクジ</t>
    </rPh>
    <rPh sb="43" eb="45">
      <t>シドウ</t>
    </rPh>
    <rPh sb="46" eb="48">
      <t>キュウショク</t>
    </rPh>
    <rPh sb="48" eb="50">
      <t>カンリ</t>
    </rPh>
    <phoneticPr fontId="4"/>
  </si>
  <si>
    <t>大学等で管理栄養士コース専攻</t>
    <rPh sb="0" eb="2">
      <t>ダイガク</t>
    </rPh>
    <rPh sb="2" eb="3">
      <t>トウ</t>
    </rPh>
    <rPh sb="4" eb="6">
      <t>カンリ</t>
    </rPh>
    <rPh sb="6" eb="9">
      <t>エイヨウシ</t>
    </rPh>
    <rPh sb="12" eb="14">
      <t>センコウ</t>
    </rPh>
    <phoneticPr fontId="4"/>
  </si>
  <si>
    <t>・管理栄養士専攻に限る（栄養士コースは不可）。
・健康診断書・細菌検査結果の提出
※実習前10日間の健康確認が必要</t>
    <rPh sb="1" eb="3">
      <t>カンリ</t>
    </rPh>
    <rPh sb="3" eb="6">
      <t>エイヨウシ</t>
    </rPh>
    <rPh sb="6" eb="8">
      <t>センコウ</t>
    </rPh>
    <rPh sb="9" eb="10">
      <t>カギ</t>
    </rPh>
    <rPh sb="12" eb="15">
      <t>エイヨウシ</t>
    </rPh>
    <rPh sb="19" eb="21">
      <t>フカ</t>
    </rPh>
    <rPh sb="25" eb="27">
      <t>ケンコウ</t>
    </rPh>
    <rPh sb="27" eb="30">
      <t>シンダンショ</t>
    </rPh>
    <rPh sb="31" eb="33">
      <t>サイキン</t>
    </rPh>
    <rPh sb="33" eb="35">
      <t>ケンサ</t>
    </rPh>
    <rPh sb="35" eb="37">
      <t>ケッカ</t>
    </rPh>
    <rPh sb="38" eb="40">
      <t>テイシュツ</t>
    </rPh>
    <rPh sb="43" eb="45">
      <t>ジッシュウ</t>
    </rPh>
    <rPh sb="45" eb="46">
      <t>マエ</t>
    </rPh>
    <rPh sb="48" eb="49">
      <t>ニチ</t>
    </rPh>
    <rPh sb="49" eb="50">
      <t>カン</t>
    </rPh>
    <rPh sb="51" eb="53">
      <t>ケンコウ</t>
    </rPh>
    <rPh sb="53" eb="55">
      <t>カクニン</t>
    </rPh>
    <rPh sb="56" eb="58">
      <t>ヒツヨウ</t>
    </rPh>
    <phoneticPr fontId="4"/>
  </si>
  <si>
    <t>北療育医療センター
指導科・通園科</t>
    <rPh sb="0" eb="1">
      <t>キタ</t>
    </rPh>
    <rPh sb="1" eb="3">
      <t>リョウイク</t>
    </rPh>
    <rPh sb="3" eb="5">
      <t>イリョウ</t>
    </rPh>
    <rPh sb="10" eb="13">
      <t>シドウカ</t>
    </rPh>
    <rPh sb="14" eb="16">
      <t>ツウエン</t>
    </rPh>
    <rPh sb="16" eb="17">
      <t>カ</t>
    </rPh>
    <phoneticPr fontId="4"/>
  </si>
  <si>
    <t>―</t>
  </si>
  <si>
    <t>東京都立北療育医療センター
指導科・通園科</t>
    <rPh sb="0" eb="13">
      <t>キタ</t>
    </rPh>
    <rPh sb="14" eb="17">
      <t>シドウカ</t>
    </rPh>
    <rPh sb="18" eb="20">
      <t>ツウエン</t>
    </rPh>
    <rPh sb="20" eb="21">
      <t>カ</t>
    </rPh>
    <phoneticPr fontId="4"/>
  </si>
  <si>
    <t>療養介護（重症心身障害者入所施設）・医療型障害児入所施設・生活介護・医療型児童発達支援センターにおける療育活動の見学及び業務補助等</t>
    <rPh sb="0" eb="2">
      <t>リョウヨウ</t>
    </rPh>
    <rPh sb="2" eb="4">
      <t>カイゴ</t>
    </rPh>
    <rPh sb="5" eb="7">
      <t>ジュウショウ</t>
    </rPh>
    <rPh sb="7" eb="9">
      <t>シンシン</t>
    </rPh>
    <rPh sb="9" eb="11">
      <t>ショウガイ</t>
    </rPh>
    <rPh sb="11" eb="12">
      <t>シャ</t>
    </rPh>
    <rPh sb="12" eb="14">
      <t>ニュウショ</t>
    </rPh>
    <rPh sb="14" eb="16">
      <t>シセツ</t>
    </rPh>
    <rPh sb="18" eb="20">
      <t>イリョウ</t>
    </rPh>
    <rPh sb="20" eb="21">
      <t>ガタ</t>
    </rPh>
    <rPh sb="21" eb="23">
      <t>ショウガイ</t>
    </rPh>
    <rPh sb="23" eb="24">
      <t>ジ</t>
    </rPh>
    <rPh sb="24" eb="26">
      <t>ニュウショ</t>
    </rPh>
    <rPh sb="26" eb="28">
      <t>シセツ</t>
    </rPh>
    <rPh sb="64" eb="65">
      <t>トウ</t>
    </rPh>
    <phoneticPr fontId="4"/>
  </si>
  <si>
    <t>障害福祉に関心のある方
※実習前10日間の健康確認が必要</t>
    <rPh sb="0" eb="2">
      <t>ショウガイ</t>
    </rPh>
    <rPh sb="2" eb="4">
      <t>フクシ</t>
    </rPh>
    <rPh sb="5" eb="7">
      <t>カンシン</t>
    </rPh>
    <rPh sb="10" eb="11">
      <t>カタ</t>
    </rPh>
    <phoneticPr fontId="4"/>
  </si>
  <si>
    <t>北療育医療センター
指導科</t>
    <rPh sb="0" eb="1">
      <t>キタ</t>
    </rPh>
    <rPh sb="1" eb="3">
      <t>リョウイク</t>
    </rPh>
    <rPh sb="3" eb="5">
      <t>イリョウ</t>
    </rPh>
    <rPh sb="10" eb="13">
      <t>シドウカ</t>
    </rPh>
    <phoneticPr fontId="4"/>
  </si>
  <si>
    <t>東京都立北療育医療センター
指導科</t>
    <rPh sb="0" eb="13">
      <t>キタ</t>
    </rPh>
    <rPh sb="14" eb="17">
      <t>シドウカ</t>
    </rPh>
    <phoneticPr fontId="4"/>
  </si>
  <si>
    <t>小児科、内科、児童精神科等における心理外来検査業務見学・補助、療養介護（重症心身障害者入所施設）・医療型障害児入所施設・生活介護・医療型児童発達支援センターにおける療育活動の見学及び業務補助等</t>
    <rPh sb="0" eb="3">
      <t>ショウニカ</t>
    </rPh>
    <rPh sb="4" eb="6">
      <t>ナイカ</t>
    </rPh>
    <rPh sb="7" eb="9">
      <t>ジドウ</t>
    </rPh>
    <rPh sb="9" eb="12">
      <t>セイシンカ</t>
    </rPh>
    <rPh sb="12" eb="13">
      <t>ナド</t>
    </rPh>
    <rPh sb="17" eb="19">
      <t>シンリ</t>
    </rPh>
    <rPh sb="19" eb="21">
      <t>ガイライ</t>
    </rPh>
    <rPh sb="21" eb="23">
      <t>ケンサ</t>
    </rPh>
    <rPh sb="23" eb="25">
      <t>ギョウム</t>
    </rPh>
    <rPh sb="25" eb="27">
      <t>ケンガク</t>
    </rPh>
    <rPh sb="28" eb="30">
      <t>ホジョ</t>
    </rPh>
    <rPh sb="31" eb="33">
      <t>リョウヨウ</t>
    </rPh>
    <rPh sb="33" eb="35">
      <t>カイゴ</t>
    </rPh>
    <rPh sb="36" eb="38">
      <t>ジュウショウ</t>
    </rPh>
    <rPh sb="38" eb="40">
      <t>シンシン</t>
    </rPh>
    <rPh sb="40" eb="42">
      <t>ショウガイ</t>
    </rPh>
    <rPh sb="42" eb="43">
      <t>シャ</t>
    </rPh>
    <rPh sb="43" eb="45">
      <t>ニュウショ</t>
    </rPh>
    <rPh sb="45" eb="47">
      <t>シセツ</t>
    </rPh>
    <rPh sb="49" eb="51">
      <t>イリョウ</t>
    </rPh>
    <rPh sb="51" eb="52">
      <t>ガタ</t>
    </rPh>
    <rPh sb="52" eb="54">
      <t>ショウガイ</t>
    </rPh>
    <rPh sb="54" eb="55">
      <t>ジ</t>
    </rPh>
    <rPh sb="55" eb="57">
      <t>ニュウショ</t>
    </rPh>
    <rPh sb="57" eb="59">
      <t>シセツ</t>
    </rPh>
    <rPh sb="82" eb="84">
      <t>リョウイク</t>
    </rPh>
    <rPh sb="95" eb="96">
      <t>トウ</t>
    </rPh>
    <phoneticPr fontId="4"/>
  </si>
  <si>
    <t>知能検査、発達検査、発達心理、障害福祉に関心のある方
※実習前10日間の健康確認が必要</t>
    <rPh sb="0" eb="2">
      <t>チノウ</t>
    </rPh>
    <rPh sb="2" eb="4">
      <t>ケンサ</t>
    </rPh>
    <rPh sb="5" eb="7">
      <t>ハッタツ</t>
    </rPh>
    <rPh sb="7" eb="9">
      <t>ケンサ</t>
    </rPh>
    <rPh sb="10" eb="12">
      <t>ハッタツ</t>
    </rPh>
    <rPh sb="12" eb="14">
      <t>シンリ</t>
    </rPh>
    <rPh sb="15" eb="17">
      <t>ショウガイ</t>
    </rPh>
    <rPh sb="17" eb="19">
      <t>フクシ</t>
    </rPh>
    <rPh sb="20" eb="22">
      <t>カンシン</t>
    </rPh>
    <rPh sb="25" eb="26">
      <t>カタ</t>
    </rPh>
    <phoneticPr fontId="4"/>
  </si>
  <si>
    <t>北療育医療センター
城南分園
通所担当
通園担当</t>
    <rPh sb="0" eb="1">
      <t>キタ</t>
    </rPh>
    <rPh sb="1" eb="3">
      <t>リョウイク</t>
    </rPh>
    <rPh sb="3" eb="5">
      <t>イリョウ</t>
    </rPh>
    <rPh sb="10" eb="14">
      <t>ジョウナンブンエン</t>
    </rPh>
    <rPh sb="15" eb="17">
      <t>ツウショ</t>
    </rPh>
    <rPh sb="17" eb="19">
      <t>タントウ</t>
    </rPh>
    <rPh sb="20" eb="22">
      <t>ツウエン</t>
    </rPh>
    <rPh sb="22" eb="24">
      <t>タントウ</t>
    </rPh>
    <phoneticPr fontId="4"/>
  </si>
  <si>
    <t>①福祉
又は
②看護師</t>
    <rPh sb="1" eb="3">
      <t>フクシ</t>
    </rPh>
    <rPh sb="4" eb="5">
      <t>マタ</t>
    </rPh>
    <rPh sb="8" eb="11">
      <t>カンゴシ</t>
    </rPh>
    <phoneticPr fontId="4"/>
  </si>
  <si>
    <t>(水)</t>
  </si>
  <si>
    <t>(木)</t>
  </si>
  <si>
    <t>東京都立北療育医療センター城南分園
大田区東雪谷4丁目5番10号</t>
    <rPh sb="0" eb="2">
      <t>トウキョウ</t>
    </rPh>
    <rPh sb="2" eb="4">
      <t>トリツ</t>
    </rPh>
    <phoneticPr fontId="4"/>
  </si>
  <si>
    <t>【内容】
生活介護・医療型児童発達支援の業務体験・見学等
【留意事項】
利用者の個人情報保護及び人権には最大限の配慮が必要であり、この点で支障が発生する恐れがあると判断した場合は、実習を中断させていただく場合があります。</t>
    <rPh sb="1" eb="3">
      <t>ナイヨウ</t>
    </rPh>
    <rPh sb="5" eb="7">
      <t>セイカツ</t>
    </rPh>
    <rPh sb="7" eb="9">
      <t>カイゴ</t>
    </rPh>
    <rPh sb="10" eb="12">
      <t>イリョウ</t>
    </rPh>
    <rPh sb="12" eb="13">
      <t>ガタ</t>
    </rPh>
    <rPh sb="13" eb="15">
      <t>ジドウ</t>
    </rPh>
    <rPh sb="15" eb="17">
      <t>ハッタツ</t>
    </rPh>
    <rPh sb="17" eb="19">
      <t>シエン</t>
    </rPh>
    <rPh sb="20" eb="22">
      <t>ギョウム</t>
    </rPh>
    <rPh sb="22" eb="24">
      <t>タイケン</t>
    </rPh>
    <rPh sb="25" eb="27">
      <t>ケンガク</t>
    </rPh>
    <rPh sb="27" eb="28">
      <t>ナド</t>
    </rPh>
    <rPh sb="30" eb="32">
      <t>リュウイ</t>
    </rPh>
    <rPh sb="32" eb="34">
      <t>ジコウ</t>
    </rPh>
    <rPh sb="36" eb="39">
      <t>リヨウシャ</t>
    </rPh>
    <phoneticPr fontId="4"/>
  </si>
  <si>
    <t>①社会福祉、児童福祉に関連する分野
②看護学</t>
    <rPh sb="11" eb="13">
      <t>カンレン</t>
    </rPh>
    <rPh sb="15" eb="17">
      <t>ブンヤ</t>
    </rPh>
    <rPh sb="19" eb="21">
      <t>カンゴ</t>
    </rPh>
    <rPh sb="21" eb="22">
      <t>ガク</t>
    </rPh>
    <phoneticPr fontId="4"/>
  </si>
  <si>
    <t>・心身ともに健康であること
・健康診断書・細菌検査の提出</t>
  </si>
  <si>
    <t>府中療育センター
薬剤科</t>
    <rPh sb="0" eb="4">
      <t>フチュウリョウイク</t>
    </rPh>
    <rPh sb="9" eb="11">
      <t>ヤクザイ</t>
    </rPh>
    <rPh sb="11" eb="12">
      <t>カ</t>
    </rPh>
    <phoneticPr fontId="3"/>
  </si>
  <si>
    <t>薬剤A</t>
    <rPh sb="0" eb="2">
      <t>ヤクザイ</t>
    </rPh>
    <phoneticPr fontId="4"/>
  </si>
  <si>
    <t>東京都立
府中療育センター
薬剤科
府中市武蔵台2-9-2</t>
    <rPh sb="0" eb="2">
      <t>トウキョウ</t>
    </rPh>
    <rPh sb="2" eb="4">
      <t>トリツ</t>
    </rPh>
    <rPh sb="5" eb="7">
      <t>フチュウ</t>
    </rPh>
    <rPh sb="7" eb="9">
      <t>リョウイク</t>
    </rPh>
    <rPh sb="14" eb="16">
      <t>ヤクザイ</t>
    </rPh>
    <rPh sb="16" eb="17">
      <t>カ</t>
    </rPh>
    <rPh sb="19" eb="22">
      <t>フチュウシ</t>
    </rPh>
    <rPh sb="22" eb="25">
      <t>ムサシダイ</t>
    </rPh>
    <phoneticPr fontId="4"/>
  </si>
  <si>
    <t>療育医療施設での薬剤師業務の補助及び見学（調剤業務/医薬品管理業務等）</t>
    <rPh sb="0" eb="2">
      <t>リョウイク</t>
    </rPh>
    <phoneticPr fontId="4"/>
  </si>
  <si>
    <t>薬学
（6年制）</t>
    <rPh sb="0" eb="2">
      <t>ヤクガク</t>
    </rPh>
    <rPh sb="5" eb="7">
      <t>ネンセイ</t>
    </rPh>
    <phoneticPr fontId="3"/>
  </si>
  <si>
    <t>以下の条件を満たす者
1）　６年制薬学（薬剤師養成課程）に在学中で、4年生以上
2）　療育医療に関心がある
3)　　実習前10日間の健康確認、新型コロナウィルスワクチン接種歴の確認が必要</t>
    <rPh sb="0" eb="2">
      <t>イカ</t>
    </rPh>
    <rPh sb="3" eb="5">
      <t>ジョウケン</t>
    </rPh>
    <rPh sb="6" eb="7">
      <t>ミ</t>
    </rPh>
    <rPh sb="9" eb="10">
      <t>モノ</t>
    </rPh>
    <rPh sb="29" eb="32">
      <t>ザイガクチュウ</t>
    </rPh>
    <rPh sb="43" eb="45">
      <t>リョウイク</t>
    </rPh>
    <rPh sb="48" eb="50">
      <t>カンシン</t>
    </rPh>
    <rPh sb="71" eb="73">
      <t>シンガタ</t>
    </rPh>
    <phoneticPr fontId="3"/>
  </si>
  <si>
    <t>府中療育センター　
看護科</t>
    <rPh sb="0" eb="2">
      <t>フチュウ</t>
    </rPh>
    <rPh sb="2" eb="4">
      <t>リョウイク</t>
    </rPh>
    <rPh sb="10" eb="12">
      <t>カンゴ</t>
    </rPh>
    <rPh sb="12" eb="13">
      <t>カ</t>
    </rPh>
    <phoneticPr fontId="4"/>
  </si>
  <si>
    <t>看護師</t>
    <rPh sb="0" eb="2">
      <t>カンゴ</t>
    </rPh>
    <rPh sb="2" eb="3">
      <t>シ</t>
    </rPh>
    <phoneticPr fontId="4"/>
  </si>
  <si>
    <t>(火)</t>
    <rPh sb="1" eb="2">
      <t>カ</t>
    </rPh>
    <phoneticPr fontId="4"/>
  </si>
  <si>
    <t>東京都立
府中療育センター
看護科
医療病棟
準医療病棟
生活病棟
府中市武蔵台2-9-2</t>
    <rPh sb="0" eb="3">
      <t>トウキョウト</t>
    </rPh>
    <rPh sb="3" eb="4">
      <t>リツ</t>
    </rPh>
    <rPh sb="5" eb="7">
      <t>フチュウ</t>
    </rPh>
    <rPh sb="7" eb="9">
      <t>リョウイク</t>
    </rPh>
    <rPh sb="14" eb="17">
      <t>カンゴカ</t>
    </rPh>
    <rPh sb="19" eb="21">
      <t>イリョウ</t>
    </rPh>
    <rPh sb="21" eb="23">
      <t>ビョウトウ</t>
    </rPh>
    <rPh sb="24" eb="25">
      <t>ジュン</t>
    </rPh>
    <rPh sb="25" eb="27">
      <t>イリョウ</t>
    </rPh>
    <rPh sb="27" eb="29">
      <t>ビョウトウ</t>
    </rPh>
    <rPh sb="30" eb="32">
      <t>セイカツ</t>
    </rPh>
    <rPh sb="32" eb="34">
      <t>ビョウトウ</t>
    </rPh>
    <phoneticPr fontId="4"/>
  </si>
  <si>
    <t>病棟での看護体験（見学）
体温測定・呼吸測定・脈拍測定
血圧測定・車椅子を押す
コミュニケーション　など</t>
  </si>
  <si>
    <t>看護</t>
    <rPh sb="0" eb="2">
      <t>カンゴ</t>
    </rPh>
    <phoneticPr fontId="4"/>
  </si>
  <si>
    <t>看護学生
※実習前10日間の健康確認、新型コロナウィルスワクチン接種歴等の確認が必要</t>
    <rPh sb="0" eb="2">
      <t>カンゴ</t>
    </rPh>
    <rPh sb="2" eb="4">
      <t>ガクセイ</t>
    </rPh>
    <rPh sb="20" eb="22">
      <t>シンガタ</t>
    </rPh>
    <rPh sb="36" eb="37">
      <t>ナド</t>
    </rPh>
    <phoneticPr fontId="4"/>
  </si>
  <si>
    <t>府中療育センター
リハビリテーション科</t>
    <rPh sb="0" eb="4">
      <t>フチュウリョウイク</t>
    </rPh>
    <rPh sb="18" eb="19">
      <t>カ</t>
    </rPh>
    <phoneticPr fontId="4"/>
  </si>
  <si>
    <t>理学療法</t>
    <rPh sb="0" eb="2">
      <t>リガク</t>
    </rPh>
    <rPh sb="2" eb="4">
      <t>リョウホウ</t>
    </rPh>
    <phoneticPr fontId="4"/>
  </si>
  <si>
    <t>うち2日間
詳細な日程は実習生決定後、実習生と調整のうえ決定する。</t>
    <rPh sb="3" eb="5">
      <t>ニチカン</t>
    </rPh>
    <rPh sb="7" eb="9">
      <t>ショウサイ</t>
    </rPh>
    <rPh sb="10" eb="12">
      <t>ニッテイ</t>
    </rPh>
    <rPh sb="13" eb="16">
      <t>ジッシュウセイ</t>
    </rPh>
    <rPh sb="16" eb="18">
      <t>ケッテイ</t>
    </rPh>
    <rPh sb="18" eb="19">
      <t>ゴ</t>
    </rPh>
    <rPh sb="20" eb="23">
      <t>ジッシュウセイ</t>
    </rPh>
    <rPh sb="24" eb="26">
      <t>チョウセイ</t>
    </rPh>
    <rPh sb="29" eb="31">
      <t>ケッテイ</t>
    </rPh>
    <phoneticPr fontId="4"/>
  </si>
  <si>
    <t>東京都立
府中療育センター
リハビリテーション科
府中市武蔵台2-9-2</t>
    <rPh sb="0" eb="3">
      <t>トウキョウト</t>
    </rPh>
    <rPh sb="3" eb="4">
      <t>リツ</t>
    </rPh>
    <rPh sb="5" eb="9">
      <t>フチュウリョウイク</t>
    </rPh>
    <rPh sb="23" eb="24">
      <t>カ</t>
    </rPh>
    <rPh sb="26" eb="29">
      <t>フチュウシ</t>
    </rPh>
    <rPh sb="29" eb="32">
      <t>ムサシダイ</t>
    </rPh>
    <phoneticPr fontId="4"/>
  </si>
  <si>
    <t>利用者へのリハビリテーション実施補助、施設見学等</t>
    <rPh sb="0" eb="3">
      <t>リヨウシャ</t>
    </rPh>
    <rPh sb="14" eb="16">
      <t>ジッシ</t>
    </rPh>
    <rPh sb="16" eb="18">
      <t>ホジョ</t>
    </rPh>
    <rPh sb="19" eb="21">
      <t>シセツ</t>
    </rPh>
    <rPh sb="21" eb="23">
      <t>ケンガク</t>
    </rPh>
    <rPh sb="23" eb="24">
      <t>ナド</t>
    </rPh>
    <phoneticPr fontId="4"/>
  </si>
  <si>
    <t>左記職種の資格要件を満たす専攻</t>
    <rPh sb="0" eb="2">
      <t>サキ</t>
    </rPh>
    <rPh sb="2" eb="4">
      <t>ショクシュ</t>
    </rPh>
    <rPh sb="5" eb="7">
      <t>シカク</t>
    </rPh>
    <rPh sb="7" eb="9">
      <t>ヨウケン</t>
    </rPh>
    <rPh sb="10" eb="11">
      <t>ミ</t>
    </rPh>
    <rPh sb="13" eb="15">
      <t>センコウ</t>
    </rPh>
    <phoneticPr fontId="4"/>
  </si>
  <si>
    <t>・成人重症心身障害児（者）のリハビリテーションに関心のある方。
・障害児のリハビリテーションに関心のある方。
※実習前10日間の健康確認、新型コロナウィルスワクチン接種歴の確認が必要</t>
    <rPh sb="1" eb="3">
      <t>セイジン</t>
    </rPh>
    <rPh sb="3" eb="5">
      <t>ジュウショウ</t>
    </rPh>
    <rPh sb="5" eb="7">
      <t>シンシン</t>
    </rPh>
    <rPh sb="7" eb="9">
      <t>ショウガイ</t>
    </rPh>
    <rPh sb="9" eb="10">
      <t>ジ</t>
    </rPh>
    <rPh sb="11" eb="12">
      <t>シャ</t>
    </rPh>
    <rPh sb="24" eb="26">
      <t>カンシン</t>
    </rPh>
    <rPh sb="29" eb="30">
      <t>カタ</t>
    </rPh>
    <rPh sb="33" eb="35">
      <t>ショウガイ</t>
    </rPh>
    <rPh sb="35" eb="36">
      <t>ジ</t>
    </rPh>
    <rPh sb="47" eb="49">
      <t>カンシン</t>
    </rPh>
    <rPh sb="52" eb="53">
      <t>カタ</t>
    </rPh>
    <rPh sb="70" eb="72">
      <t>シンガタ</t>
    </rPh>
    <phoneticPr fontId="4"/>
  </si>
  <si>
    <t>作業療法</t>
    <rPh sb="0" eb="2">
      <t>サギョウ</t>
    </rPh>
    <rPh sb="2" eb="4">
      <t>リョウホウ</t>
    </rPh>
    <phoneticPr fontId="4"/>
  </si>
  <si>
    <t>言語聴覚療法</t>
    <rPh sb="0" eb="2">
      <t>ゲンゴ</t>
    </rPh>
    <rPh sb="2" eb="4">
      <t>チョウカク</t>
    </rPh>
    <rPh sb="4" eb="6">
      <t>リョウホウ</t>
    </rPh>
    <phoneticPr fontId="4"/>
  </si>
  <si>
    <t>福祉・保健医療</t>
  </si>
  <si>
    <t>健康安全部
食品監視課/
環境保健衛生課</t>
    <phoneticPr fontId="4"/>
  </si>
  <si>
    <t>理系</t>
  </si>
  <si>
    <t>獣医</t>
  </si>
  <si>
    <t>・本庁舎
（健康安全部）
・市場衛生検査所
・各都保健所
・芝浦食肉衛生検査所
・動物愛護相談センター
・健康安全研究センター（食品監視第一課又は食品監視第二課、健康危機管理情報課）</t>
    <rPh sb="71" eb="72">
      <t>マタ</t>
    </rPh>
    <rPh sb="81" eb="90">
      <t>ケンコウキキカンリジョウホウカ</t>
    </rPh>
    <phoneticPr fontId="4"/>
  </si>
  <si>
    <t>食品衛生（大規模製造業監視など）、獣医衛生業務補助、動物愛護管理業務補助、関係施設視察等</t>
    <rPh sb="26" eb="28">
      <t>ドウブツ</t>
    </rPh>
    <rPh sb="28" eb="30">
      <t>アイゴ</t>
    </rPh>
    <rPh sb="30" eb="32">
      <t>カンリ</t>
    </rPh>
    <rPh sb="32" eb="34">
      <t>ギョウム</t>
    </rPh>
    <rPh sb="34" eb="36">
      <t>ホジョ</t>
    </rPh>
    <phoneticPr fontId="4"/>
  </si>
  <si>
    <t>将来的に獣医師の資格要件を満たす専攻</t>
  </si>
  <si>
    <t>衛生監視</t>
  </si>
  <si>
    <t>※7/27（木）
7:45～16:30
8/3（木）
13:30 ～17:45</t>
    <phoneticPr fontId="4"/>
  </si>
  <si>
    <t>・本庁舎
（健康安全部）
・市場衛生検査所
・各都保健所
・健康安全研究センター（建築物監視指導課、食品監視第一課又は食品監視第二課、健康危機管理情報課）</t>
    <rPh sb="41" eb="44">
      <t>ケンチクブツ</t>
    </rPh>
    <rPh sb="44" eb="46">
      <t>カンシ</t>
    </rPh>
    <rPh sb="46" eb="49">
      <t>シドウカ</t>
    </rPh>
    <rPh sb="57" eb="58">
      <t>マタ</t>
    </rPh>
    <rPh sb="67" eb="69">
      <t>ケンコウ</t>
    </rPh>
    <rPh sb="69" eb="71">
      <t>キキ</t>
    </rPh>
    <rPh sb="71" eb="73">
      <t>カンリ</t>
    </rPh>
    <rPh sb="73" eb="76">
      <t>ジョウホウカ</t>
    </rPh>
    <phoneticPr fontId="4"/>
  </si>
  <si>
    <t>食品衛生（大規模製造業監視など）、環境衛生業務補助、資材準備補助、環境衛生営業施設検査に同行、建築物検査（書類・設備等）、花粉測定、関係施設視察等</t>
  </si>
  <si>
    <t>将来的に衛生監視の資格要件を満たす専攻
・薬学、獣医学、畜産学、水産学、農芸化学、衛生工学、医学、歯学の課程を専攻している者
・都道府県知事の登録を受けた食品衛生監視員の養成施設において所定の課程を専攻している者</t>
    <rPh sb="66" eb="70">
      <t>トドウフケン</t>
    </rPh>
    <rPh sb="70" eb="72">
      <t>チジ</t>
    </rPh>
    <phoneticPr fontId="4"/>
  </si>
  <si>
    <t>・実習場所により実習時間が異なる。
　市場衛生検査所＝7：45～16：30
・各都保健所は、いずれかの都保健所での実習。
・健康安全研究センターは一課（大久保）と二課（立川）に分かれて実施。
・健康安全研究センター健康危機管理情報課＝13:30～17:45</t>
    <phoneticPr fontId="4"/>
  </si>
  <si>
    <t>健康安全部
薬務課
薬務担当</t>
  </si>
  <si>
    <t>薬剤Ｂ</t>
  </si>
  <si>
    <t>1(火)薬務課
2(水)多摩小平保健所
3(木)健康安全研究センター
4(金)薬用植物園</t>
    <rPh sb="2" eb="3">
      <t>カ</t>
    </rPh>
    <rPh sb="4" eb="7">
      <t>ヤクムカ</t>
    </rPh>
    <rPh sb="10" eb="11">
      <t>スイ</t>
    </rPh>
    <rPh sb="12" eb="14">
      <t>タマ</t>
    </rPh>
    <rPh sb="14" eb="16">
      <t>コダイラ</t>
    </rPh>
    <rPh sb="16" eb="19">
      <t>ホケンジョ</t>
    </rPh>
    <rPh sb="22" eb="23">
      <t>モク</t>
    </rPh>
    <rPh sb="24" eb="26">
      <t>ケンコウ</t>
    </rPh>
    <rPh sb="26" eb="28">
      <t>アンゼン</t>
    </rPh>
    <rPh sb="28" eb="30">
      <t>ケンキュウ</t>
    </rPh>
    <rPh sb="37" eb="38">
      <t>キン</t>
    </rPh>
    <rPh sb="39" eb="41">
      <t>ヤクヨウ</t>
    </rPh>
    <rPh sb="41" eb="44">
      <t>ショクブツエン</t>
    </rPh>
    <phoneticPr fontId="4"/>
  </si>
  <si>
    <t>医薬品等の承認審査事務、薬事監視業務、薬物乱用防止事業、東京都薬用植物園の業務補助及び視察、化粧品試買調査等</t>
    <rPh sb="46" eb="49">
      <t>ケショウヒン</t>
    </rPh>
    <rPh sb="49" eb="51">
      <t>シバイ</t>
    </rPh>
    <rPh sb="51" eb="53">
      <t>チョウサ</t>
    </rPh>
    <rPh sb="53" eb="54">
      <t>トウ</t>
    </rPh>
    <phoneticPr fontId="4"/>
  </si>
  <si>
    <t>薬学</t>
  </si>
  <si>
    <t>薬剤師免許取得予定の方で、薬務行政全般に興味がある方</t>
    <rPh sb="0" eb="3">
      <t>ヤクザイシ</t>
    </rPh>
    <rPh sb="3" eb="5">
      <t>メンキョ</t>
    </rPh>
    <rPh sb="5" eb="7">
      <t>シュトク</t>
    </rPh>
    <rPh sb="7" eb="9">
      <t>ヨテイ</t>
    </rPh>
    <rPh sb="10" eb="11">
      <t>カタ</t>
    </rPh>
    <rPh sb="13" eb="15">
      <t>ヤクム</t>
    </rPh>
    <rPh sb="15" eb="17">
      <t>ギョウセイ</t>
    </rPh>
    <rPh sb="17" eb="19">
      <t>ゼンパン</t>
    </rPh>
    <rPh sb="20" eb="22">
      <t>キョウミ</t>
    </rPh>
    <rPh sb="25" eb="26">
      <t>カタ</t>
    </rPh>
    <phoneticPr fontId="4"/>
  </si>
  <si>
    <t>健康安全研究センター
微生物部
食品微生物研究科/病原細菌研究科/ウイルス研究科</t>
    <phoneticPr fontId="4"/>
  </si>
  <si>
    <t>薬剤Ｂ
衛生監視
環境検査
獣医</t>
  </si>
  <si>
    <t xml:space="preserve">東京都健康安全研究センター
・8/7～8/10：
東京都新宿区百人町3-24-1
</t>
    <phoneticPr fontId="4"/>
  </si>
  <si>
    <t>１　食品微生物検査業務
　①　食中毒に係る細菌検査
　②　一般流通食品等に係る細菌検査と真菌の観察
２　病原細菌研究科の業務
　①　細菌性感染症に関わる調査研究の紹介
　②　寄生虫性食中毒に関わる調査研究の紹介
３　ウイルス性食中毒検査業務およびウイルス性感染症検査の紹介</t>
    <rPh sb="52" eb="54">
      <t>ビョウゲン</t>
    </rPh>
    <rPh sb="54" eb="56">
      <t>サイキン</t>
    </rPh>
    <rPh sb="56" eb="58">
      <t>ケンキュウ</t>
    </rPh>
    <rPh sb="58" eb="59">
      <t>カ</t>
    </rPh>
    <rPh sb="60" eb="62">
      <t>ギョウム</t>
    </rPh>
    <rPh sb="66" eb="69">
      <t>サイキンセイ</t>
    </rPh>
    <rPh sb="69" eb="72">
      <t>カンセンショウ</t>
    </rPh>
    <rPh sb="90" eb="91">
      <t>セイ</t>
    </rPh>
    <rPh sb="91" eb="94">
      <t>ショクチュウドク</t>
    </rPh>
    <rPh sb="95" eb="96">
      <t>カカ</t>
    </rPh>
    <rPh sb="98" eb="100">
      <t>チョウサ</t>
    </rPh>
    <rPh sb="100" eb="102">
      <t>ケンキュウ</t>
    </rPh>
    <rPh sb="103" eb="105">
      <t>ショウカイ</t>
    </rPh>
    <rPh sb="112" eb="113">
      <t>セイ</t>
    </rPh>
    <phoneticPr fontId="4"/>
  </si>
  <si>
    <t>理学・農学・薬学・獣医学系等の理系学科</t>
  </si>
  <si>
    <t>・食品衛生、感染症検査に関する都の行政および調査研究に関心がある者
・生物学実験の基礎知識および実習経験がある者
・希望職種不問（ただし、事務職の希望者を除く）</t>
  </si>
  <si>
    <t>健康安全研究センター薬事環境科学部医薬品研究科/環境衛生研究科/生体影響研究科</t>
  </si>
  <si>
    <t>薬剤Ｂ
衛生監視
環境検査
獣医</t>
    <rPh sb="9" eb="11">
      <t>カンキョウ</t>
    </rPh>
    <rPh sb="11" eb="13">
      <t>ケンサ</t>
    </rPh>
    <phoneticPr fontId="4"/>
  </si>
  <si>
    <t>東京都健康安全研究センター
・7/31～8/3：
東京都新宿区百人町3-24-1
・8/4：
東京都小平市中島町21-1（薬用植物園）</t>
    <phoneticPr fontId="4"/>
  </si>
  <si>
    <t>１　生活環境の分析等
（１）室内空気の分析
（２）水質（化学・微生物）の分析
（３）環境放射能の分析
（４）衛生動物の同定
２　生体影響試験
（１）毒性学の概要
（２）in vitro試験
（３）in vivo試験
３　医薬品等の試験
（１）医薬品等の分析
（２）化粧品及び医薬部外品の分析
（３）薬用植物等の栽培、鑑別試験</t>
    <rPh sb="28" eb="30">
      <t>カガク</t>
    </rPh>
    <rPh sb="31" eb="34">
      <t>ビセイブツ</t>
    </rPh>
    <rPh sb="42" eb="44">
      <t>カンキョウ</t>
    </rPh>
    <rPh sb="44" eb="47">
      <t>ホウシャノウ</t>
    </rPh>
    <rPh sb="48" eb="50">
      <t>ブンセキ</t>
    </rPh>
    <rPh sb="54" eb="56">
      <t>エイセイ</t>
    </rPh>
    <rPh sb="56" eb="58">
      <t>ドウブツ</t>
    </rPh>
    <rPh sb="59" eb="61">
      <t>ドウテイ</t>
    </rPh>
    <rPh sb="132" eb="135">
      <t>ケショウヒン</t>
    </rPh>
    <rPh sb="135" eb="136">
      <t>オヨ</t>
    </rPh>
    <rPh sb="137" eb="142">
      <t>イヤクブガイヒン</t>
    </rPh>
    <phoneticPr fontId="4"/>
  </si>
  <si>
    <t>理学・農学・獣医学・薬学・医学系の学科</t>
  </si>
  <si>
    <t>・環境衛生・薬事衛生に関する都の行政および調査研究に関心がある者
・化学実験の基礎知識および実習経験がある者
・有機溶媒や酸、アルカリの使用において健康上の問題がない者</t>
    <phoneticPr fontId="4"/>
  </si>
  <si>
    <t>産業労働局</t>
    <rPh sb="0" eb="4">
      <t>サンギョウロウドウ</t>
    </rPh>
    <rPh sb="4" eb="5">
      <t>キョク</t>
    </rPh>
    <phoneticPr fontId="1"/>
  </si>
  <si>
    <t>森林事務所
保全課</t>
    <rPh sb="0" eb="2">
      <t>シンリン</t>
    </rPh>
    <rPh sb="2" eb="4">
      <t>ジム</t>
    </rPh>
    <rPh sb="4" eb="5">
      <t>ショ</t>
    </rPh>
    <rPh sb="6" eb="9">
      <t>ホゼンカ</t>
    </rPh>
    <phoneticPr fontId="4"/>
  </si>
  <si>
    <t>林業</t>
    <rPh sb="0" eb="2">
      <t>リンギョウ</t>
    </rPh>
    <phoneticPr fontId="4"/>
  </si>
  <si>
    <t>森林事務所及び多摩地域の森林</t>
    <phoneticPr fontId="4"/>
  </si>
  <si>
    <t>東京の森林・林業について
保安林事業、治山事業について</t>
    <rPh sb="0" eb="2">
      <t>トウキョウ</t>
    </rPh>
    <rPh sb="3" eb="5">
      <t>シンリン</t>
    </rPh>
    <rPh sb="6" eb="8">
      <t>リンギョウ</t>
    </rPh>
    <rPh sb="13" eb="16">
      <t>ホアンリン</t>
    </rPh>
    <rPh sb="16" eb="18">
      <t>ジギョウ</t>
    </rPh>
    <rPh sb="19" eb="21">
      <t>チサン</t>
    </rPh>
    <rPh sb="21" eb="23">
      <t>ジギョウ</t>
    </rPh>
    <phoneticPr fontId="4"/>
  </si>
  <si>
    <t>農業振興事務所
中央農業改良普及センター普及指導担当</t>
    <rPh sb="0" eb="2">
      <t>ノウギョウ</t>
    </rPh>
    <rPh sb="2" eb="4">
      <t>シンコウ</t>
    </rPh>
    <rPh sb="4" eb="6">
      <t>ジム</t>
    </rPh>
    <rPh sb="6" eb="7">
      <t>ショ</t>
    </rPh>
    <rPh sb="8" eb="10">
      <t>チュウオウ</t>
    </rPh>
    <rPh sb="10" eb="12">
      <t>ノウギョウ</t>
    </rPh>
    <rPh sb="12" eb="14">
      <t>カイリョウ</t>
    </rPh>
    <rPh sb="14" eb="16">
      <t>フキュウ</t>
    </rPh>
    <rPh sb="20" eb="22">
      <t>フキュウ</t>
    </rPh>
    <rPh sb="22" eb="24">
      <t>シドウ</t>
    </rPh>
    <rPh sb="24" eb="26">
      <t>タントウ</t>
    </rPh>
    <phoneticPr fontId="4"/>
  </si>
  <si>
    <t>畜産
農業技術</t>
    <rPh sb="0" eb="2">
      <t>チクサン</t>
    </rPh>
    <rPh sb="3" eb="7">
      <t>ノウギョウギジュツ</t>
    </rPh>
    <phoneticPr fontId="4"/>
  </si>
  <si>
    <t>・</t>
    <phoneticPr fontId="4"/>
  </si>
  <si>
    <t>中央農業改良普及センター事務所、中央普及センター管内農家等へ車両で巡回</t>
    <rPh sb="0" eb="2">
      <t>チュウオウ</t>
    </rPh>
    <rPh sb="2" eb="4">
      <t>ノウギョウ</t>
    </rPh>
    <rPh sb="4" eb="6">
      <t>カイリョウ</t>
    </rPh>
    <rPh sb="6" eb="8">
      <t>フキュウ</t>
    </rPh>
    <rPh sb="12" eb="14">
      <t>ジム</t>
    </rPh>
    <rPh sb="14" eb="15">
      <t>ショ</t>
    </rPh>
    <rPh sb="16" eb="18">
      <t>チュウオウ</t>
    </rPh>
    <rPh sb="18" eb="20">
      <t>フキュウ</t>
    </rPh>
    <rPh sb="24" eb="26">
      <t>カンナイ</t>
    </rPh>
    <rPh sb="26" eb="28">
      <t>ノウカ</t>
    </rPh>
    <rPh sb="28" eb="29">
      <t>トウ</t>
    </rPh>
    <rPh sb="30" eb="32">
      <t>シャリョウ</t>
    </rPh>
    <rPh sb="33" eb="35">
      <t>ジュンカイ</t>
    </rPh>
    <phoneticPr fontId="3"/>
  </si>
  <si>
    <t>農業者向け技術講習会の開催
農業者に対する個別巡回指導及び展示ほ等の調査
　　</t>
    <rPh sb="0" eb="3">
      <t>ノウギョウシャ</t>
    </rPh>
    <rPh sb="3" eb="4">
      <t>ム</t>
    </rPh>
    <rPh sb="5" eb="7">
      <t>ギジュツ</t>
    </rPh>
    <rPh sb="7" eb="10">
      <t>コウシュウカイ</t>
    </rPh>
    <rPh sb="11" eb="13">
      <t>カイサイ</t>
    </rPh>
    <rPh sb="14" eb="17">
      <t>ノウギョウシャ</t>
    </rPh>
    <rPh sb="18" eb="19">
      <t>タイ</t>
    </rPh>
    <rPh sb="21" eb="23">
      <t>コベツ</t>
    </rPh>
    <rPh sb="23" eb="25">
      <t>ジュンカイ</t>
    </rPh>
    <rPh sb="25" eb="27">
      <t>シドウ</t>
    </rPh>
    <rPh sb="27" eb="28">
      <t>オヨ</t>
    </rPh>
    <rPh sb="29" eb="31">
      <t>テンジ</t>
    </rPh>
    <rPh sb="32" eb="33">
      <t>トウ</t>
    </rPh>
    <rPh sb="34" eb="36">
      <t>チョウサ</t>
    </rPh>
    <phoneticPr fontId="5"/>
  </si>
  <si>
    <t>水産</t>
    <rPh sb="0" eb="2">
      <t>スイサン</t>
    </rPh>
    <phoneticPr fontId="4"/>
  </si>
  <si>
    <t>7/26水産課
7/27島しょセ</t>
    <rPh sb="4" eb="6">
      <t>スイサン</t>
    </rPh>
    <rPh sb="6" eb="7">
      <t>カ</t>
    </rPh>
    <rPh sb="12" eb="13">
      <t>トウ</t>
    </rPh>
    <phoneticPr fontId="4"/>
  </si>
  <si>
    <t>・８月２日（水曜日）に、局全体ガイダンス等を実施予定です。
・環境問題や下水道、水処理技術に関心がある方</t>
  </si>
  <si>
    <t>化学、生物、衛生工学、環境化学、分析化学等に関する分野</t>
    <phoneticPr fontId="4"/>
  </si>
  <si>
    <t>〇</t>
    <phoneticPr fontId="4"/>
  </si>
  <si>
    <t>建設局</t>
  </si>
  <si>
    <t>公園緑地部
公園建設課</t>
    <rPh sb="0" eb="5">
      <t>コウエンリョクチブ</t>
    </rPh>
    <rPh sb="6" eb="8">
      <t>コウエン</t>
    </rPh>
    <rPh sb="8" eb="10">
      <t>ケンセツ</t>
    </rPh>
    <rPh sb="10" eb="11">
      <t>カ</t>
    </rPh>
    <phoneticPr fontId="4"/>
  </si>
  <si>
    <t>造園</t>
    <rPh sb="0" eb="2">
      <t>ゾウエン</t>
    </rPh>
    <phoneticPr fontId="4"/>
  </si>
  <si>
    <t>公園の整備及び管理業務に伴う資料作成、現場調査　等</t>
    <rPh sb="0" eb="2">
      <t>コウエン</t>
    </rPh>
    <rPh sb="3" eb="5">
      <t>セイビ</t>
    </rPh>
    <rPh sb="5" eb="6">
      <t>オヨ</t>
    </rPh>
    <rPh sb="7" eb="9">
      <t>カンリ</t>
    </rPh>
    <rPh sb="9" eb="11">
      <t>ギョウム</t>
    </rPh>
    <rPh sb="12" eb="13">
      <t>トモナ</t>
    </rPh>
    <rPh sb="14" eb="16">
      <t>シリョウ</t>
    </rPh>
    <rPh sb="16" eb="18">
      <t>サクセイ</t>
    </rPh>
    <phoneticPr fontId="4"/>
  </si>
  <si>
    <t>造園学、緑地学、園芸学、環境保全学、生態学、景観学、都市デザイン等</t>
    <rPh sb="22" eb="24">
      <t>ケイカン</t>
    </rPh>
    <rPh sb="24" eb="25">
      <t>ガク</t>
    </rPh>
    <rPh sb="26" eb="28">
      <t>トシ</t>
    </rPh>
    <rPh sb="32" eb="33">
      <t>ナド</t>
    </rPh>
    <phoneticPr fontId="4"/>
  </si>
  <si>
    <t>・東京の公園整備・管理に関心がある方
・Word初級以上、Excel初級以上の方。
・室内事務作業の他、現場において、維持管理作業を行うこともあります。</t>
    <rPh sb="1" eb="3">
      <t>トウキョウ</t>
    </rPh>
    <rPh sb="4" eb="6">
      <t>コウエン</t>
    </rPh>
    <rPh sb="6" eb="8">
      <t>セイビ</t>
    </rPh>
    <rPh sb="9" eb="11">
      <t>カンリ</t>
    </rPh>
    <rPh sb="12" eb="14">
      <t>カンシン</t>
    </rPh>
    <rPh sb="17" eb="18">
      <t>カタ</t>
    </rPh>
    <rPh sb="59" eb="61">
      <t>イジ</t>
    </rPh>
    <rPh sb="61" eb="63">
      <t>カンリ</t>
    </rPh>
    <phoneticPr fontId="3"/>
  </si>
  <si>
    <t>東部公園緑地事務所
管理課/事業推進課/工事課</t>
    <rPh sb="10" eb="13">
      <t>カンリカ</t>
    </rPh>
    <phoneticPr fontId="3"/>
  </si>
  <si>
    <t>造園</t>
    <rPh sb="0" eb="2">
      <t>ゾウエン</t>
    </rPh>
    <phoneticPr fontId="3"/>
  </si>
  <si>
    <t>うち2日間
詳細日程は実習生決定後に調整。</t>
    <rPh sb="8" eb="10">
      <t>ショウサイ</t>
    </rPh>
    <rPh sb="10" eb="12">
      <t>ニッテイ</t>
    </rPh>
    <rPh sb="13" eb="16">
      <t>ジッシュウセイ</t>
    </rPh>
    <rPh sb="16" eb="18">
      <t>ケッテイ</t>
    </rPh>
    <rPh sb="18" eb="19">
      <t>ゴ</t>
    </rPh>
    <rPh sb="20" eb="22">
      <t>チョウセイ</t>
    </rPh>
    <phoneticPr fontId="4"/>
  </si>
  <si>
    <t>東部公園緑地事務所
東京都台東区上野公園7-47
ＪＲ上野駅公園口より徒歩3分
東京メトロ日比谷線・銀座線上野駅より徒歩7分</t>
    <rPh sb="0" eb="2">
      <t>トウブ</t>
    </rPh>
    <rPh sb="2" eb="4">
      <t>コウエン</t>
    </rPh>
    <rPh sb="4" eb="6">
      <t>リョクチ</t>
    </rPh>
    <rPh sb="6" eb="8">
      <t>ジム</t>
    </rPh>
    <rPh sb="8" eb="9">
      <t>ショ</t>
    </rPh>
    <rPh sb="10" eb="13">
      <t>トウキョウト</t>
    </rPh>
    <phoneticPr fontId="4"/>
  </si>
  <si>
    <t>都立公園における事業認可事務、工事事務及び維持管理事務等の補助作業</t>
    <rPh sb="0" eb="2">
      <t>トリツ</t>
    </rPh>
    <rPh sb="2" eb="4">
      <t>コウエン</t>
    </rPh>
    <rPh sb="8" eb="10">
      <t>ジギョウ</t>
    </rPh>
    <rPh sb="10" eb="12">
      <t>ニンカ</t>
    </rPh>
    <rPh sb="12" eb="14">
      <t>ジム</t>
    </rPh>
    <rPh sb="15" eb="17">
      <t>コウジ</t>
    </rPh>
    <rPh sb="17" eb="19">
      <t>ジム</t>
    </rPh>
    <rPh sb="19" eb="20">
      <t>オヨ</t>
    </rPh>
    <rPh sb="21" eb="23">
      <t>イジ</t>
    </rPh>
    <rPh sb="23" eb="25">
      <t>カンリ</t>
    </rPh>
    <rPh sb="25" eb="27">
      <t>ジム</t>
    </rPh>
    <rPh sb="27" eb="28">
      <t>ナド</t>
    </rPh>
    <rPh sb="29" eb="31">
      <t>ホジョ</t>
    </rPh>
    <rPh sb="31" eb="33">
      <t>サギョウ</t>
    </rPh>
    <phoneticPr fontId="5"/>
  </si>
  <si>
    <t>・公園整備に興味のある方。
・Word初級以上、Excel初級以上の方。
・室内事務作業の他、現場作業・調査において、樹林地内等における作業を行うこともあります。</t>
    <rPh sb="1" eb="3">
      <t>コウエン</t>
    </rPh>
    <rPh sb="3" eb="5">
      <t>セイビ</t>
    </rPh>
    <rPh sb="6" eb="8">
      <t>キョウミ</t>
    </rPh>
    <rPh sb="11" eb="12">
      <t>カタ</t>
    </rPh>
    <rPh sb="34" eb="35">
      <t>カタ</t>
    </rPh>
    <phoneticPr fontId="4"/>
  </si>
  <si>
    <t>西部公園緑地事務所
管理課/工事課</t>
  </si>
  <si>
    <t>（金）</t>
    <rPh sb="1" eb="2">
      <t>キン</t>
    </rPh>
    <phoneticPr fontId="4"/>
  </si>
  <si>
    <t>7/26及び7/28の２日間
（7/27は実施しない）</t>
    <phoneticPr fontId="4"/>
  </si>
  <si>
    <t xml:space="preserve">東京都西部公園緑地事務所内及び多摩地区の都立公園
東京都武蔵野市御殿山1-17-59
JR、京王井の頭線吉祥寺駅より徒歩10分
</t>
  </si>
  <si>
    <t>１　都市公園管理現場における作業補助
　多摩地区における都立公園の管理現場における作業補助業務
２　事業認可等に係る基礎資料の整理、及び多摩地区における都立公園での生物多様性保全に関わる補助業務</t>
    <rPh sb="54" eb="55">
      <t>トウ</t>
    </rPh>
    <rPh sb="56" eb="57">
      <t>カカ</t>
    </rPh>
    <rPh sb="58" eb="60">
      <t>キソ</t>
    </rPh>
    <rPh sb="60" eb="62">
      <t>シリョウ</t>
    </rPh>
    <rPh sb="63" eb="65">
      <t>セイリ</t>
    </rPh>
    <rPh sb="66" eb="67">
      <t>オヨ</t>
    </rPh>
    <rPh sb="82" eb="84">
      <t>セイブツ</t>
    </rPh>
    <rPh sb="84" eb="87">
      <t>タヨウセイ</t>
    </rPh>
    <rPh sb="87" eb="89">
      <t>ホゼン</t>
    </rPh>
    <rPh sb="90" eb="91">
      <t>カカ</t>
    </rPh>
    <phoneticPr fontId="5"/>
  </si>
  <si>
    <t>造園学、緑地学、園芸学、環境保全学、生態学、野生動植物分野等</t>
  </si>
  <si>
    <t>室内事務作業の他、現場作業・調査において、樹林地内や水域等における作業を行うこともある。</t>
  </si>
  <si>
    <t>下記日程で実施
7/26（水）
7/27（木）
7/28（金）
7/31（月）
8/1（火）
8/2（水･午後）
8/3（木･午後）</t>
    <rPh sb="0" eb="2">
      <t>カキ</t>
    </rPh>
    <rPh sb="2" eb="4">
      <t>ニッテイ</t>
    </rPh>
    <rPh sb="5" eb="7">
      <t>ジッシ</t>
    </rPh>
    <rPh sb="13" eb="14">
      <t>スイ</t>
    </rPh>
    <rPh sb="21" eb="22">
      <t>モク</t>
    </rPh>
    <rPh sb="29" eb="30">
      <t>キン</t>
    </rPh>
    <rPh sb="37" eb="38">
      <t>ゲツ</t>
    </rPh>
    <rPh sb="44" eb="45">
      <t>ヒ</t>
    </rPh>
    <rPh sb="51" eb="52">
      <t>スイ</t>
    </rPh>
    <rPh sb="53" eb="55">
      <t>ゴゴ</t>
    </rPh>
    <rPh sb="61" eb="62">
      <t>モク</t>
    </rPh>
    <rPh sb="63" eb="65">
      <t>ゴゴ</t>
    </rPh>
    <phoneticPr fontId="4"/>
  </si>
  <si>
    <t>※7/27（木）
7:45～16:30
8/1（火）
7:00～15:45
8/2（水）
13:30 ～17:45
8/3（木）
13:30 ～17:45</t>
    <rPh sb="6" eb="7">
      <t>モク</t>
    </rPh>
    <rPh sb="25" eb="26">
      <t>ヒ</t>
    </rPh>
    <rPh sb="44" eb="45">
      <t>スイ</t>
    </rPh>
    <rPh sb="65" eb="66">
      <t>モク</t>
    </rPh>
    <phoneticPr fontId="4"/>
  </si>
  <si>
    <t>・実習場所により実習時間が異なる
　市場衛生検査所＝7：45～16：30
　芝浦食肉衛生検査所＝７：00～15：45
　動物愛護相談センター＝13:30～17:45
・各都保健所は、いずれかの都保健所での実習。
・健康安全研究センターは一課（大久保）と二課（立川）に分かれて実施。
・健康安全研究センター健康危機管理情報課＝13:30～17:45</t>
    <rPh sb="142" eb="152">
      <t>ケンアンケン</t>
    </rPh>
    <rPh sb="152" eb="161">
      <t>ケンコウキキカンリジョウホウカ</t>
    </rPh>
    <phoneticPr fontId="4"/>
  </si>
  <si>
    <t>下記日程で実施
7/26（水）
7/27（木）
7/28（金）
7/31（月）
8/1（火）
8/2（水）
8/3（木･午後）</t>
    <rPh sb="0" eb="2">
      <t>カキ</t>
    </rPh>
    <rPh sb="2" eb="4">
      <t>ニッテイ</t>
    </rPh>
    <rPh sb="5" eb="7">
      <t>ジッシ</t>
    </rPh>
    <rPh sb="13" eb="14">
      <t>スイ</t>
    </rPh>
    <rPh sb="21" eb="22">
      <t>モク</t>
    </rPh>
    <rPh sb="29" eb="30">
      <t>キン</t>
    </rPh>
    <rPh sb="37" eb="38">
      <t>ゲツ</t>
    </rPh>
    <rPh sb="44" eb="45">
      <t>ヒ</t>
    </rPh>
    <rPh sb="51" eb="52">
      <t>スイ</t>
    </rPh>
    <rPh sb="58" eb="59">
      <t>モク</t>
    </rPh>
    <rPh sb="60" eb="62">
      <t>ゴゴ</t>
    </rPh>
    <phoneticPr fontId="4"/>
  </si>
  <si>
    <t>【内容】
・実習施設は、児童福祉法第44条に定められた「児童自立支援施設」です。
・入所児童（小学生（4年生以上）、中学生、中卒児（高校生等））の生活支援を行います。但し、実際の生活支援は専門的技術を要するため、実習においては観察が中心となります。
【勤務】
・原則通勤となります。（通勤不可能な場合は施設内に宿泊可能）
・変則勤務職場のため、右記の勤務時間帯を体験していただきます。
【留意事項】
・児童と食事を共にしていただきます。（食費は１食396円で実費徴収）
・児童の個人情報保護及び人権には最大限の配慮が必要であり、この点で支障が発生する恐れがあると判断した場合は、実習を中断させて頂く場合があります。
・実習前に実施する事前オリエンテーションへの参加がない場合は、実習はできません。</t>
    <phoneticPr fontId="4"/>
  </si>
  <si>
    <t>都庁インターンシップ2023実習部署一覧 【詳細版_専門職:第1ターム】</t>
    <rPh sb="0" eb="1">
      <t>ト</t>
    </rPh>
    <rPh sb="1" eb="2">
      <t>チョウ</t>
    </rPh>
    <rPh sb="18" eb="20">
      <t>イチラン</t>
    </rPh>
    <rPh sb="22" eb="24">
      <t>ショウサイ</t>
    </rPh>
    <rPh sb="24" eb="25">
      <t>バン</t>
    </rPh>
    <rPh sb="26" eb="28">
      <t>センモン</t>
    </rPh>
    <rPh sb="28" eb="29">
      <t>ショク</t>
    </rPh>
    <rPh sb="30" eb="31">
      <t>ダ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m/d;@"/>
    <numFmt numFmtId="177" formatCode="0_);[Red]\(0\)"/>
    <numFmt numFmtId="178" formatCode="000"/>
    <numFmt numFmtId="179" formatCode="h:mm;@"/>
  </numFmts>
  <fonts count="13" x14ac:knownFonts="1">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6"/>
      <name val="ＭＳ Ｐゴシック"/>
      <family val="3"/>
      <charset val="128"/>
    </font>
    <font>
      <sz val="6"/>
      <name val="ＭＳ Ｐゴシック"/>
      <family val="2"/>
      <charset val="128"/>
      <scheme val="minor"/>
    </font>
    <font>
      <sz val="9"/>
      <name val="ＭＳ Ｐゴシック"/>
      <family val="3"/>
      <charset val="128"/>
    </font>
    <font>
      <sz val="11"/>
      <color theme="1"/>
      <name val="ＭＳ Ｐゴシック"/>
      <family val="2"/>
      <scheme val="minor"/>
    </font>
    <font>
      <sz val="18"/>
      <name val="メイリオ"/>
      <family val="3"/>
      <charset val="128"/>
    </font>
    <font>
      <sz val="11"/>
      <color theme="1"/>
      <name val="メイリオ"/>
      <family val="3"/>
      <charset val="128"/>
    </font>
    <font>
      <sz val="9"/>
      <name val="メイリオ"/>
      <family val="3"/>
      <charset val="128"/>
    </font>
    <font>
      <sz val="9"/>
      <color theme="1"/>
      <name val="メイリオ"/>
      <family val="3"/>
      <charset val="128"/>
    </font>
    <font>
      <sz val="8"/>
      <name val="メイリオ"/>
      <family val="3"/>
      <charset val="128"/>
    </font>
    <font>
      <b/>
      <sz val="9"/>
      <name val="メイリオ"/>
      <family val="3"/>
      <charset val="128"/>
    </font>
  </fonts>
  <fills count="4">
    <fill>
      <patternFill patternType="none"/>
    </fill>
    <fill>
      <patternFill patternType="gray125"/>
    </fill>
    <fill>
      <patternFill patternType="solid">
        <fgColor indexed="41"/>
        <bgColor indexed="64"/>
      </patternFill>
    </fill>
    <fill>
      <patternFill patternType="solid">
        <fgColor theme="0"/>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s>
  <cellStyleXfs count="4">
    <xf numFmtId="0" fontId="0" fillId="0" borderId="0">
      <alignment vertical="center"/>
    </xf>
    <xf numFmtId="0" fontId="2" fillId="0" borderId="0">
      <alignment vertical="center"/>
    </xf>
    <xf numFmtId="0" fontId="1" fillId="0" borderId="0">
      <alignment vertical="center"/>
    </xf>
    <xf numFmtId="0" fontId="6" fillId="0" borderId="0"/>
  </cellStyleXfs>
  <cellXfs count="92">
    <xf numFmtId="0" fontId="0" fillId="0" borderId="0" xfId="0">
      <alignment vertical="center"/>
    </xf>
    <xf numFmtId="0" fontId="8" fillId="0" borderId="0" xfId="0" applyFont="1">
      <alignment vertical="center"/>
    </xf>
    <xf numFmtId="0" fontId="9" fillId="2" borderId="1" xfId="1" applyNumberFormat="1" applyFont="1" applyFill="1" applyBorder="1" applyAlignment="1">
      <alignment horizontal="center" vertical="center" shrinkToFit="1"/>
    </xf>
    <xf numFmtId="0" fontId="9" fillId="2" borderId="1" xfId="1" applyFont="1" applyFill="1" applyBorder="1" applyAlignment="1">
      <alignment horizontal="center" vertical="center"/>
    </xf>
    <xf numFmtId="0" fontId="9" fillId="2" borderId="1" xfId="1" applyFont="1" applyFill="1" applyBorder="1" applyAlignment="1">
      <alignment horizontal="center" vertical="center" shrinkToFit="1"/>
    </xf>
    <xf numFmtId="0" fontId="9" fillId="2" borderId="1" xfId="1" applyNumberFormat="1" applyFont="1" applyFill="1" applyBorder="1" applyAlignment="1">
      <alignment horizontal="center" vertical="center" wrapText="1" shrinkToFit="1"/>
    </xf>
    <xf numFmtId="177" fontId="9" fillId="2" borderId="1" xfId="1" applyNumberFormat="1" applyFont="1" applyFill="1" applyBorder="1" applyAlignment="1">
      <alignment horizontal="center" vertical="center" shrinkToFit="1"/>
    </xf>
    <xf numFmtId="176" fontId="9" fillId="2" borderId="1" xfId="1" applyNumberFormat="1" applyFont="1" applyFill="1" applyBorder="1" applyAlignment="1">
      <alignment horizontal="center" vertical="center" shrinkToFit="1"/>
    </xf>
    <xf numFmtId="178" fontId="9" fillId="0" borderId="1" xfId="0" applyNumberFormat="1" applyFont="1" applyFill="1" applyBorder="1" applyAlignment="1">
      <alignment horizontal="center" vertical="center"/>
    </xf>
    <xf numFmtId="0" fontId="9" fillId="0" borderId="1" xfId="0" applyFont="1" applyFill="1" applyBorder="1" applyAlignment="1">
      <alignment horizontal="center" vertical="center" shrinkToFit="1"/>
    </xf>
    <xf numFmtId="0" fontId="9" fillId="0" borderId="1" xfId="0" applyFont="1" applyFill="1" applyBorder="1" applyAlignment="1">
      <alignment horizontal="left" vertical="center" wrapText="1"/>
    </xf>
    <xf numFmtId="0" fontId="9" fillId="0" borderId="1" xfId="0" applyFont="1" applyFill="1" applyBorder="1" applyAlignment="1">
      <alignment horizontal="center" vertical="center"/>
    </xf>
    <xf numFmtId="0" fontId="9" fillId="0" borderId="1" xfId="0" applyFont="1" applyFill="1" applyBorder="1" applyAlignment="1">
      <alignment horizontal="center" vertical="center" wrapText="1"/>
    </xf>
    <xf numFmtId="0" fontId="9" fillId="0" borderId="1" xfId="0" applyNumberFormat="1" applyFont="1" applyFill="1" applyBorder="1" applyAlignment="1">
      <alignment horizontal="center" vertical="center"/>
    </xf>
    <xf numFmtId="176" fontId="9" fillId="0" borderId="4" xfId="0" applyNumberFormat="1" applyFont="1" applyFill="1" applyBorder="1" applyAlignment="1">
      <alignment horizontal="center" vertical="center"/>
    </xf>
    <xf numFmtId="176" fontId="9" fillId="0" borderId="2" xfId="0" applyNumberFormat="1" applyFont="1" applyFill="1" applyBorder="1" applyAlignment="1">
      <alignment horizontal="center" vertical="center" wrapText="1"/>
    </xf>
    <xf numFmtId="49" fontId="9" fillId="0" borderId="2" xfId="0" applyNumberFormat="1" applyFont="1" applyFill="1" applyBorder="1" applyAlignment="1">
      <alignment horizontal="center" vertical="center"/>
    </xf>
    <xf numFmtId="176" fontId="9" fillId="0" borderId="2" xfId="0" applyNumberFormat="1" applyFont="1" applyFill="1" applyBorder="1" applyAlignment="1">
      <alignment horizontal="center" vertical="center"/>
    </xf>
    <xf numFmtId="176" fontId="9" fillId="0" borderId="3" xfId="0" applyNumberFormat="1" applyFont="1" applyFill="1" applyBorder="1" applyAlignment="1">
      <alignment horizontal="center" vertical="center" wrapText="1"/>
    </xf>
    <xf numFmtId="177" fontId="9" fillId="0" borderId="1" xfId="0" applyNumberFormat="1" applyFont="1" applyFill="1" applyBorder="1" applyAlignment="1">
      <alignment horizontal="center" vertical="center"/>
    </xf>
    <xf numFmtId="177" fontId="9" fillId="0" borderId="4" xfId="0" applyNumberFormat="1" applyFont="1" applyFill="1" applyBorder="1" applyAlignment="1">
      <alignment horizontal="center" vertical="center" wrapText="1"/>
    </xf>
    <xf numFmtId="177" fontId="9" fillId="0" borderId="2" xfId="0" applyNumberFormat="1" applyFont="1" applyFill="1" applyBorder="1" applyAlignment="1">
      <alignment horizontal="center" vertical="center"/>
    </xf>
    <xf numFmtId="179" fontId="9" fillId="0" borderId="3" xfId="0" applyNumberFormat="1" applyFont="1" applyFill="1" applyBorder="1" applyAlignment="1">
      <alignment horizontal="left" vertical="center" wrapText="1"/>
    </xf>
    <xf numFmtId="177" fontId="9" fillId="0" borderId="4" xfId="0" applyNumberFormat="1" applyFont="1" applyFill="1" applyBorder="1" applyAlignment="1">
      <alignment horizontal="center" vertical="center"/>
    </xf>
    <xf numFmtId="177" fontId="9" fillId="0" borderId="1" xfId="0" applyNumberFormat="1" applyFont="1" applyFill="1" applyBorder="1" applyAlignment="1">
      <alignment horizontal="center" vertical="center" wrapText="1"/>
    </xf>
    <xf numFmtId="0" fontId="9" fillId="0" borderId="1" xfId="0" applyFont="1" applyBorder="1" applyAlignment="1">
      <alignment horizontal="center" vertical="center"/>
    </xf>
    <xf numFmtId="0" fontId="8" fillId="0" borderId="0" xfId="0" applyNumberFormat="1" applyFont="1">
      <alignment vertical="center"/>
    </xf>
    <xf numFmtId="0" fontId="10" fillId="0" borderId="0" xfId="0" applyFont="1" applyAlignment="1">
      <alignment horizontal="center" vertical="center"/>
    </xf>
    <xf numFmtId="0" fontId="8" fillId="0" borderId="0" xfId="0" applyFont="1" applyFill="1" applyAlignment="1">
      <alignment horizontal="center" vertical="center"/>
    </xf>
    <xf numFmtId="0" fontId="8" fillId="0" borderId="0" xfId="0" applyFont="1" applyAlignment="1">
      <alignment horizontal="center" vertical="center"/>
    </xf>
    <xf numFmtId="0" fontId="10" fillId="0" borderId="2" xfId="0" applyFont="1" applyBorder="1" applyAlignment="1">
      <alignment horizontal="center" vertical="center"/>
    </xf>
    <xf numFmtId="0" fontId="9" fillId="0" borderId="2" xfId="0" applyFont="1" applyFill="1" applyBorder="1">
      <alignment vertical="center"/>
    </xf>
    <xf numFmtId="177" fontId="9" fillId="0" borderId="1" xfId="0" applyNumberFormat="1" applyFont="1" applyBorder="1" applyAlignment="1">
      <alignment horizontal="center" vertical="center"/>
    </xf>
    <xf numFmtId="179" fontId="8" fillId="0" borderId="0" xfId="0" applyNumberFormat="1" applyFont="1" applyAlignment="1">
      <alignment horizontal="center" vertical="center"/>
    </xf>
    <xf numFmtId="0" fontId="8" fillId="0" borderId="0" xfId="0" applyFont="1" applyAlignment="1">
      <alignment horizontal="left" vertical="center"/>
    </xf>
    <xf numFmtId="49" fontId="9" fillId="0" borderId="1" xfId="0" applyNumberFormat="1" applyFont="1" applyFill="1" applyBorder="1" applyAlignment="1">
      <alignment horizontal="left" vertical="center" wrapText="1"/>
    </xf>
    <xf numFmtId="49" fontId="9" fillId="2" borderId="3" xfId="1" applyNumberFormat="1" applyFont="1" applyFill="1" applyBorder="1" applyAlignment="1">
      <alignment horizontal="center" vertical="center" wrapText="1" shrinkToFit="1"/>
    </xf>
    <xf numFmtId="49" fontId="8" fillId="0" borderId="0" xfId="0" applyNumberFormat="1" applyFont="1" applyAlignment="1">
      <alignment horizontal="left" vertical="center" wrapText="1"/>
    </xf>
    <xf numFmtId="176" fontId="11" fillId="2" borderId="1" xfId="1" applyNumberFormat="1" applyFont="1" applyFill="1" applyBorder="1" applyAlignment="1">
      <alignment horizontal="center" vertical="center" wrapText="1" shrinkToFit="1"/>
    </xf>
    <xf numFmtId="177" fontId="9" fillId="2" borderId="4" xfId="1" applyNumberFormat="1" applyFont="1" applyFill="1" applyBorder="1" applyAlignment="1">
      <alignment horizontal="center" vertical="center" shrinkToFit="1"/>
    </xf>
    <xf numFmtId="177" fontId="9" fillId="2" borderId="3" xfId="1" applyNumberFormat="1" applyFont="1" applyFill="1" applyBorder="1" applyAlignment="1">
      <alignment horizontal="center" vertical="center" shrinkToFit="1"/>
    </xf>
    <xf numFmtId="176" fontId="9" fillId="2" borderId="2" xfId="1" applyNumberFormat="1" applyFont="1" applyFill="1" applyBorder="1" applyAlignment="1">
      <alignment horizontal="center" vertical="center" shrinkToFit="1"/>
    </xf>
    <xf numFmtId="179" fontId="9" fillId="0" borderId="4" xfId="0" applyNumberFormat="1" applyFont="1" applyFill="1" applyBorder="1" applyAlignment="1">
      <alignment horizontal="center" vertical="center" wrapText="1"/>
    </xf>
    <xf numFmtId="179" fontId="9" fillId="0" borderId="4" xfId="0" applyNumberFormat="1" applyFont="1" applyFill="1" applyBorder="1" applyAlignment="1">
      <alignment horizontal="center" vertical="center"/>
    </xf>
    <xf numFmtId="179" fontId="9" fillId="0" borderId="3" xfId="0" applyNumberFormat="1" applyFont="1" applyFill="1" applyBorder="1" applyAlignment="1">
      <alignment horizontal="center" vertical="center"/>
    </xf>
    <xf numFmtId="0" fontId="9" fillId="0" borderId="1" xfId="0" applyFont="1" applyFill="1" applyBorder="1" applyAlignment="1">
      <alignment vertical="center" wrapText="1"/>
    </xf>
    <xf numFmtId="176" fontId="9" fillId="0" borderId="5" xfId="0" applyNumberFormat="1" applyFont="1" applyFill="1" applyBorder="1" applyAlignment="1">
      <alignment horizontal="center" vertical="center" wrapText="1"/>
    </xf>
    <xf numFmtId="49" fontId="9" fillId="0" borderId="1" xfId="0" applyNumberFormat="1" applyFont="1" applyFill="1" applyBorder="1" applyAlignment="1">
      <alignment horizontal="center" vertical="center" wrapText="1"/>
    </xf>
    <xf numFmtId="176" fontId="9" fillId="0" borderId="6" xfId="0" applyNumberFormat="1" applyFont="1" applyFill="1" applyBorder="1" applyAlignment="1">
      <alignment horizontal="center" vertical="center" wrapText="1"/>
    </xf>
    <xf numFmtId="178" fontId="9" fillId="0" borderId="1" xfId="0" applyNumberFormat="1" applyFont="1" applyBorder="1" applyAlignment="1">
      <alignment horizontal="center" vertical="center"/>
    </xf>
    <xf numFmtId="0" fontId="9" fillId="0" borderId="1" xfId="0" applyFont="1" applyBorder="1" applyAlignment="1">
      <alignment horizontal="center" vertical="center" shrinkToFit="1"/>
    </xf>
    <xf numFmtId="0" fontId="9" fillId="0" borderId="1" xfId="0" applyFont="1" applyBorder="1" applyAlignment="1">
      <alignment horizontal="left" vertical="center" wrapText="1"/>
    </xf>
    <xf numFmtId="0" fontId="9" fillId="0" borderId="1" xfId="0" applyFont="1" applyBorder="1" applyAlignment="1">
      <alignment horizontal="center" vertical="center" wrapText="1"/>
    </xf>
    <xf numFmtId="176" fontId="9" fillId="0" borderId="4" xfId="0" applyNumberFormat="1" applyFont="1" applyBorder="1" applyAlignment="1">
      <alignment horizontal="center" vertical="center"/>
    </xf>
    <xf numFmtId="176" fontId="9" fillId="0" borderId="2" xfId="0" applyNumberFormat="1" applyFont="1" applyBorder="1" applyAlignment="1">
      <alignment horizontal="center" vertical="center" wrapText="1"/>
    </xf>
    <xf numFmtId="49" fontId="9" fillId="0" borderId="2" xfId="0" applyNumberFormat="1" applyFont="1" applyBorder="1" applyAlignment="1">
      <alignment horizontal="center" vertical="center"/>
    </xf>
    <xf numFmtId="176" fontId="9" fillId="0" borderId="2" xfId="0" applyNumberFormat="1" applyFont="1" applyBorder="1" applyAlignment="1">
      <alignment horizontal="center" vertical="center"/>
    </xf>
    <xf numFmtId="176" fontId="9" fillId="0" borderId="3" xfId="0" applyNumberFormat="1" applyFont="1" applyBorder="1" applyAlignment="1">
      <alignment horizontal="center" vertical="center" wrapText="1"/>
    </xf>
    <xf numFmtId="177" fontId="9" fillId="0" borderId="4" xfId="0" applyNumberFormat="1" applyFont="1" applyBorder="1" applyAlignment="1">
      <alignment horizontal="center" vertical="center"/>
    </xf>
    <xf numFmtId="179" fontId="9" fillId="0" borderId="4" xfId="0" applyNumberFormat="1" applyFont="1" applyBorder="1" applyAlignment="1">
      <alignment horizontal="center" vertical="center"/>
    </xf>
    <xf numFmtId="177" fontId="9" fillId="0" borderId="2" xfId="0" applyNumberFormat="1" applyFont="1" applyBorder="1" applyAlignment="1">
      <alignment horizontal="center" vertical="center"/>
    </xf>
    <xf numFmtId="179" fontId="9" fillId="0" borderId="3" xfId="0" applyNumberFormat="1" applyFont="1" applyBorder="1" applyAlignment="1">
      <alignment horizontal="center" vertical="center"/>
    </xf>
    <xf numFmtId="49" fontId="9" fillId="0" borderId="3" xfId="0" applyNumberFormat="1" applyFont="1" applyBorder="1" applyAlignment="1">
      <alignment horizontal="left" vertical="center" wrapText="1"/>
    </xf>
    <xf numFmtId="56" fontId="9" fillId="0" borderId="1" xfId="0" applyNumberFormat="1" applyFont="1" applyFill="1" applyBorder="1" applyAlignment="1">
      <alignment horizontal="center" vertical="center" wrapText="1"/>
    </xf>
    <xf numFmtId="0" fontId="9" fillId="3" borderId="1" xfId="0" applyFont="1" applyFill="1" applyBorder="1" applyAlignment="1">
      <alignment horizontal="center" vertical="center"/>
    </xf>
    <xf numFmtId="0" fontId="9" fillId="3" borderId="1" xfId="0" applyFont="1" applyFill="1" applyBorder="1" applyAlignment="1">
      <alignment horizontal="left" vertical="center" wrapText="1"/>
    </xf>
    <xf numFmtId="0" fontId="9" fillId="3" borderId="1" xfId="0" applyFont="1" applyFill="1" applyBorder="1" applyAlignment="1">
      <alignment horizontal="center" vertical="center" shrinkToFit="1"/>
    </xf>
    <xf numFmtId="179" fontId="9" fillId="3" borderId="4" xfId="0" applyNumberFormat="1" applyFont="1" applyFill="1" applyBorder="1" applyAlignment="1">
      <alignment horizontal="center" vertical="center"/>
    </xf>
    <xf numFmtId="177" fontId="9" fillId="3" borderId="2" xfId="0" applyNumberFormat="1" applyFont="1" applyFill="1" applyBorder="1" applyAlignment="1">
      <alignment horizontal="center" vertical="center"/>
    </xf>
    <xf numFmtId="179" fontId="9" fillId="3" borderId="3" xfId="0" applyNumberFormat="1" applyFont="1" applyFill="1" applyBorder="1" applyAlignment="1">
      <alignment horizontal="center" vertical="center"/>
    </xf>
    <xf numFmtId="0" fontId="9" fillId="3" borderId="1" xfId="0" applyFont="1" applyFill="1" applyBorder="1" applyAlignment="1">
      <alignment horizontal="center" vertical="center" wrapText="1"/>
    </xf>
    <xf numFmtId="20" fontId="9" fillId="0" borderId="4" xfId="0" applyNumberFormat="1" applyFont="1" applyFill="1" applyBorder="1" applyAlignment="1">
      <alignment horizontal="center" vertical="center"/>
    </xf>
    <xf numFmtId="178" fontId="9" fillId="3" borderId="1" xfId="0" applyNumberFormat="1" applyFont="1" applyFill="1" applyBorder="1" applyAlignment="1">
      <alignment horizontal="center" vertical="center"/>
    </xf>
    <xf numFmtId="176" fontId="9" fillId="3" borderId="4" xfId="0" applyNumberFormat="1" applyFont="1" applyFill="1" applyBorder="1" applyAlignment="1">
      <alignment horizontal="center" vertical="center"/>
    </xf>
    <xf numFmtId="176" fontId="9" fillId="3" borderId="2" xfId="0" applyNumberFormat="1" applyFont="1" applyFill="1" applyBorder="1" applyAlignment="1">
      <alignment horizontal="center" vertical="center" wrapText="1"/>
    </xf>
    <xf numFmtId="49" fontId="9" fillId="3" borderId="2" xfId="0" applyNumberFormat="1" applyFont="1" applyFill="1" applyBorder="1" applyAlignment="1">
      <alignment horizontal="center" vertical="center"/>
    </xf>
    <xf numFmtId="176" fontId="9" fillId="3" borderId="2" xfId="0" applyNumberFormat="1" applyFont="1" applyFill="1" applyBorder="1" applyAlignment="1">
      <alignment horizontal="center" vertical="center"/>
    </xf>
    <xf numFmtId="176" fontId="9" fillId="3" borderId="3" xfId="0" applyNumberFormat="1" applyFont="1" applyFill="1" applyBorder="1" applyAlignment="1">
      <alignment horizontal="center" vertical="center" wrapText="1"/>
    </xf>
    <xf numFmtId="177" fontId="9" fillId="3" borderId="1" xfId="0" applyNumberFormat="1" applyFont="1" applyFill="1" applyBorder="1" applyAlignment="1">
      <alignment horizontal="center" vertical="center"/>
    </xf>
    <xf numFmtId="177" fontId="9" fillId="3" borderId="4" xfId="0" applyNumberFormat="1" applyFont="1" applyFill="1" applyBorder="1" applyAlignment="1">
      <alignment horizontal="center" vertical="center" wrapText="1"/>
    </xf>
    <xf numFmtId="49" fontId="9" fillId="3" borderId="3" xfId="0" applyNumberFormat="1" applyFont="1" applyFill="1" applyBorder="1" applyAlignment="1">
      <alignment horizontal="center" vertical="center" wrapText="1"/>
    </xf>
    <xf numFmtId="0" fontId="9" fillId="3" borderId="1" xfId="0" applyFont="1" applyFill="1" applyBorder="1" applyAlignment="1">
      <alignment vertical="center" wrapText="1"/>
    </xf>
    <xf numFmtId="177" fontId="9" fillId="3" borderId="4" xfId="0" applyNumberFormat="1" applyFont="1" applyFill="1" applyBorder="1" applyAlignment="1">
      <alignment horizontal="center" vertical="center"/>
    </xf>
    <xf numFmtId="49" fontId="9" fillId="3" borderId="1" xfId="0" applyNumberFormat="1" applyFont="1" applyFill="1" applyBorder="1" applyAlignment="1">
      <alignment horizontal="center" vertical="center" wrapText="1"/>
    </xf>
    <xf numFmtId="0" fontId="9" fillId="3" borderId="1" xfId="0" applyFont="1" applyFill="1" applyBorder="1" applyAlignment="1">
      <alignment horizontal="left" vertical="center" wrapText="1" shrinkToFit="1"/>
    </xf>
    <xf numFmtId="49" fontId="7" fillId="0" borderId="0" xfId="1" applyNumberFormat="1" applyFont="1" applyBorder="1" applyAlignment="1">
      <alignment horizontal="center" vertical="center"/>
    </xf>
    <xf numFmtId="177" fontId="9" fillId="2" borderId="4" xfId="1" applyNumberFormat="1" applyFont="1" applyFill="1" applyBorder="1" applyAlignment="1">
      <alignment horizontal="center" vertical="center" shrinkToFit="1"/>
    </xf>
    <xf numFmtId="177" fontId="9" fillId="2" borderId="2" xfId="1" applyNumberFormat="1" applyFont="1" applyFill="1" applyBorder="1" applyAlignment="1">
      <alignment horizontal="center" vertical="center" shrinkToFit="1"/>
    </xf>
    <xf numFmtId="177" fontId="9" fillId="2" borderId="3" xfId="1" applyNumberFormat="1" applyFont="1" applyFill="1" applyBorder="1" applyAlignment="1">
      <alignment horizontal="center" vertical="center" shrinkToFit="1"/>
    </xf>
    <xf numFmtId="176" fontId="9" fillId="2" borderId="4" xfId="1" applyNumberFormat="1" applyFont="1" applyFill="1" applyBorder="1" applyAlignment="1">
      <alignment horizontal="center" vertical="center" shrinkToFit="1"/>
    </xf>
    <xf numFmtId="176" fontId="9" fillId="2" borderId="2" xfId="1" applyNumberFormat="1" applyFont="1" applyFill="1" applyBorder="1" applyAlignment="1">
      <alignment horizontal="center" vertical="center" shrinkToFit="1"/>
    </xf>
    <xf numFmtId="176" fontId="9" fillId="2" borderId="3" xfId="1" applyNumberFormat="1" applyFont="1" applyFill="1" applyBorder="1" applyAlignment="1">
      <alignment horizontal="center" vertical="center" shrinkToFit="1"/>
    </xf>
  </cellXfs>
  <cellStyles count="4">
    <cellStyle name="標準" xfId="0" builtinId="0"/>
    <cellStyle name="標準 2" xfId="2" xr:uid="{00000000-0005-0000-0000-000001000000}"/>
    <cellStyle name="標準 3" xfId="1" xr:uid="{00000000-0005-0000-0000-000002000000}"/>
    <cellStyle name="標準 4" xfId="3" xr:uid="{00000000-0005-0000-0000-000003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 Type="http://schemas.openxmlformats.org/officeDocument/2006/relationships/externalLink" Target="externalLinks/externalLink2.xml"/><Relationship Id="rId21" Type="http://schemas.openxmlformats.org/officeDocument/2006/relationships/styles" Target="styles.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calcChain" Target="calcChain.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10.224.247.10\&#32887;&#21729;&#35506;\&#20154;&#20107;&#20418;\&#20154;&#20107;&#20418;\3100_&#12452;&#12531;&#12479;&#12540;&#12531;&#12471;&#12483;&#12503;\&#37117;&#24193;&#12452;&#12531;&#12479;&#12540;&#12531;&#12471;&#12483;&#12503;\R05&#24180;&#24230;\04%20&#21508;&#37096;&#12363;&#12425;\09&#38556;&#23475;\&#12304;&#38556;&#23475;&#37096;&#12305;03_&#37117;&#24193;&#12452;&#12531;&#12479;&#12540;&#12531;&#12471;&#12483;&#12503;2023&#23455;&#32722;&#37096;&#32626;&#35519;&#26619;&#31080;.xlsx" TargetMode="External"/></Relationships>
</file>

<file path=xl/externalLinks/_rels/externalLink10.xml.rels><?xml version="1.0" encoding="UTF-8" standalone="yes"?>
<Relationships xmlns="http://schemas.openxmlformats.org/package/2006/relationships"><Relationship Id="rId1" Type="http://schemas.microsoft.com/office/2006/relationships/xlExternalLinkPath/xlPathMissing" Target="&#12304;&#26441;&#20006;&#12305;03_&#37117;&#24193;&#12452;&#12531;&#12479;&#12540;&#12531;&#12471;&#12483;&#12503;2023&#23455;&#32722;&#37096;&#32626;&#35519;&#26619;&#31080;_.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10.226.120.3\&#35336;&#30011;&#35506;\&#20154;&#20107;&#38306;&#20418;\01&#12288;&#20154;&#20107;&#25285;&#24403;&#38306;&#20418;\10&#12288;&#25505;&#29992;\05&#12288;&#8544;B&#12539;&#8544;A&#12539;&#12461;&#12515;&#12522;&#12450;&#27963;&#29992;&#65288;&#20154;&#20107;&#22996;&#21729;&#20250;&#25505;&#29992;&#65289;\11&#12288;&#23455;&#32722;&#29983;&#65288;&#12452;&#12531;&#12479;&#12540;&#12531;&#12471;&#12483;&#12503;&#65289;&#21463;&#20837;&#38306;&#20418;\&#37117;&#24193;&#12452;&#12531;&#12479;&#12540;&#12531;&#12471;&#12483;&#12503;\R5&#24180;&#24230;\03&#12288;&#65288;&#21463;&#20837;&#35519;&#26619;&#65289;&#21508;&#25152;&#22238;&#31572;\&#35488;&#26126;03_&#37117;&#24193;&#12452;&#12531;&#12479;&#12540;&#12531;&#12471;&#12483;&#12503;2023&#23455;&#32722;&#37096;&#32626;&#35519;&#26619;&#31080;_.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10.224.247.10\&#32887;&#21729;&#35506;\&#20154;&#20107;&#20418;\&#20154;&#20107;&#20418;\3100_&#12452;&#12531;&#12479;&#12540;&#12531;&#12471;&#12483;&#12503;\&#37117;&#24193;&#12452;&#12531;&#12479;&#12540;&#12531;&#12471;&#12483;&#12503;\R05&#24180;&#24230;\04%20&#21508;&#37096;&#12363;&#12425;\05&#20445;&#25919;\&#12304;050418&#22238;&#31572;&#12305;&#37117;&#24193;&#12452;&#12531;&#12479;&#12540;&#12531;&#12471;&#12483;&#12503;2023&#23455;&#32722;&#37096;&#32626;&#35519;&#26619;&#31080;&#65288;&#20445;&#20581;&#25351;&#23566;&#35519;&#25972;&#25285;&#24403;&#65289;%20.xlsx" TargetMode="External"/></Relationships>
</file>

<file path=xl/externalLinks/_rels/externalLink13.xml.rels><?xml version="1.0" encoding="UTF-8" standalone="yes"?>
<Relationships xmlns="http://schemas.openxmlformats.org/package/2006/relationships"><Relationship Id="rId1" Type="http://schemas.microsoft.com/office/2006/relationships/xlExternalLinkPath/xlPathMissing" Target="02_&#12304;05%20&#36786;&#26519;&#27700;&#29987;&#37096;&#12305;&#37117;&#24193;&#12452;&#12531;&#12479;&#12540;&#12531;&#12471;&#12483;&#12503;2023&#23455;&#32722;&#37096;&#32626;&#35519;&#26619;&#31080;.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Users/T0532474/AppData/Local/Microsoft/Windows/INetCache/Content.Outlook/A0XL7G6W/02_&#12304;05%20&#36786;&#26519;&#27700;&#29987;&#37096;&#12305;&#37117;&#24193;&#12452;&#12531;&#12479;&#12540;&#12531;&#12471;&#12483;&#12503;2023&#23455;&#32722;&#37096;&#32626;&#35519;&#26619;&#31080;(&#27700;&#29987;&#35506;&#12539;&#23798;&#12375;&#12423;&#12475;).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gesui.local\fs\20&#26045;&#35373;&#31649;&#29702;&#37096;\2011&#31649;&#29702;&#35506;\01&#24246;&#21209;&#20418;\&#20196;&#21644;5&#24180;&#24230;\05_&#20154;&#20107;&#25285;&#24403;&#65288;&#27231;&#23494;A&#65289;\17_&#12452;&#12531;&#12479;&#12540;&#12531;&#12471;&#12483;&#12503;\01_&#21463;&#20837;&#21487;&#33021;&#32887;&#22580;&#12398;&#35519;&#26619;\03_&#21508;&#35506;&#22238;&#31572;\&#65288;&#31649;&#36335;&#31649;&#29702;&#35506;&#65289;03-1_&#12304;&#31532;&#65297;&#12479;&#12540;&#12512;&#12305;&#37117;&#24193;&#12452;&#12531;&#12479;&#12540;&#12531;&#12471;&#12483;&#12503;2023&#23455;&#32722;&#37096;&#32626;&#35519;&#26619;&#31080;.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19_&#27700;&#36947;&#23616;&#9679;\&#65288;&#26657;&#27491;&#30906;&#35469;&#29992;&#65289;&#12304;&#27700;&#36947;&#23616;&#12305;04_&#37117;&#24193;&#12452;&#12531;&#12479;&#12540;&#12531;&#12471;&#12483;&#12503;2023&#23455;&#32722;&#37096;&#32626;&#35519;&#26619;&#31080;.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10.224.251.10\b-40%20&#25505;&#29992;&#29677;\&#9632;&#25505;&#29992;&#20107;&#21209;\&#12452;&#12531;&#12479;&#12540;&#12531;&#12471;&#12483;&#12503;&#21046;&#24230;\&#9733;R05&#23455;&#26045;&#9733;\02_&#23455;&#32722;&#37096;&#32626;&#35519;&#26619;\08_&#21508;&#23616;&#12363;&#12425;&#26657;&#27491;OK\13_&#29987;&#21172;&#23616;&#9679;\&#29987;&#21172;&#20462;&#27491;&#65288;&#26657;&#27491;&#30906;&#35469;&#29992;&#65289;&#65288;&#29987;&#21172;&#65289;&#37117;&#24193;&#12452;&#12531;&#12479;&#12540;&#12531;&#12471;&#12483;&#12503;2023&#23455;&#32722;&#37096;&#32626;&#35519;&#26619;&#31080;%20.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doc211.bsv.sanro.tocho.local\12501&#32207;&#21209;&#37096;&#32887;&#21729;&#35506;&#20154;&#20107;&#25285;&#24403;\05_&#25505;&#29992;&#12539;&#36984;&#32771;\&#12452;&#12531;&#12479;&#12540;&#12531;&#12471;&#12483;&#12503;&#21508;&#31278;\&#37117;&#24193;&#12452;&#12531;&#12479;&#12540;&#12531;&#12471;&#12483;&#12503;\&#20196;&#21644;&#65301;&#24180;&#24230;\01%20&#20196;&#21644;&#65301;&#24180;&#24230;&#37117;&#24193;&#12452;&#12531;&#12479;&#12540;&#12531;&#12471;&#12483;&#12503;&#21463;&#20837;&#32887;&#22580;&#12398;&#35373;&#23450;&#31561;&#12395;&#12388;&#12356;&#12390;&#65288;R5.4.6&#65289;\02%20&#21508;&#37096;&#12408;\02_&#12304;01%20&#21830;&#24037;&#37096;&#12305;&#37117;&#24193;&#12452;&#12531;&#12479;&#12540;&#12531;&#12471;&#12483;&#12503;2023&#23455;&#32722;&#37096;&#32626;&#35519;&#26619;&#31080;%20.xlsx"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3569;&#23376;_&#37117;&#24193;&#12452;&#12531;&#12479;&#12540;&#12531;&#12471;&#12483;&#12503;2023&#23455;&#32722;&#37096;&#32626;&#35519;&#26619;&#31080;_.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10.224.75.11\b-40%20&#25505;&#29992;&#29677;\&#9632;&#25505;&#29992;&#20107;&#21209;\&#12452;&#12531;&#12479;&#12540;&#12531;&#12471;&#12483;&#12503;&#21046;&#24230;\&#9733;R04&#23455;&#26045;&#9733;\02_&#23455;&#32722;&#37096;&#32626;&#35519;&#26619;\01_&#36215;&#26696;\H31\04_&#37117;&#24193;&#12452;&#12531;&#12479;&#12540;&#12531;&#12471;&#12483;&#12503;2019&#23455;&#32722;&#37096;&#32626;&#35519;&#26619;&#31080;%20.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10.226.129.11\&#20581;&#24247;&#23433;&#20840;&#37096;\&#20849;&#26377;&#65298;\2300_&#25505;&#29992;&#38306;&#20418;\2304_&#12452;&#12531;&#12479;&#12540;&#12531;&#12471;&#12483;&#12503;\R5&#12452;&#12531;&#12479;&#12540;&#12531;&#12471;&#12483;&#12503;\01%20&#21463;&#20837;&#32887;&#22580;&#12398;&#35373;&#23450;(&#12294;&#20999;4&#26376;19&#26085;)\R50419%20&#21508;&#35506;&#31561;&#12363;&#12425;\&#20581;&#30740;&#12363;&#12425;(&#30740;&#31350;&#32887;)\&#12304;4&#26376;18&#26085;&#32224;_&#34220;&#20107;&#29872;&#22659;&#31185;&#23398;&#37096;&#12305;03_&#37117;&#24193;&#12452;&#12531;&#12479;&#12540;&#12531;&#12471;&#12483;&#12503;2023&#23455;&#32722;&#37096;&#32626;&#35519;&#26619;&#31080;.xlsx" TargetMode="External"/></Relationships>
</file>

<file path=xl/externalLinks/_rels/externalLink5.xml.rels><?xml version="1.0" encoding="UTF-8" standalone="yes"?>
<Relationships xmlns="http://schemas.openxmlformats.org/package/2006/relationships"><Relationship Id="rId1" Type="http://schemas.microsoft.com/office/2006/relationships/xlExternalLinkPath/xlPathMissing" Target="&#12304;&#34220;&#21209;&#35506;&#12305;03_&#37117;&#24193;&#12452;&#12531;&#12479;&#12540;&#12531;&#12471;&#12483;&#12503;2023&#23455;&#32722;&#37096;&#32626;&#35519;&#26619;&#31080;%20.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Z:\03-1%20&#12522;&#12463;&#12523;&#12540;&#12488;&#26989;&#21209;&#12395;&#38306;&#12377;&#12427;&#12371;&#12392;\03%20%20&#12522;&#12463;&#12523;&#12540;&#12488;&#27963;&#21205;&#65288;&#65330;&#65301;&#65289;\14%20%20%20%20&#12452;&#12531;&#12479;&#12540;&#12531;&#12471;&#12483;&#12503;\2%20%20%20%20&#37117;&#24193;&#12452;&#12531;&#12479;&#12540;&#12531;&#12471;&#12483;&#12503;2023\&#65299;%20&#21508;&#25152;&#22238;&#31572;\&#65288;&#31435;&#24029;&#21335;&#65289;03_&#37117;&#24193;&#12452;&#12531;&#12479;&#12540;&#12531;&#12471;&#12483;&#12503;2023&#23455;&#32722;&#37096;&#32626;&#35519;&#26619;&#31080;_.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Z:\03-1%20&#12522;&#12463;&#12523;&#12540;&#12488;&#26989;&#21209;&#12395;&#38306;&#12377;&#12427;&#12371;&#12392;\03%20%20&#12522;&#12463;&#12523;&#12540;&#12488;&#27963;&#21205;&#65288;&#65330;&#65301;&#65289;\14%20%20%20%20&#12452;&#12531;&#12479;&#12540;&#12531;&#12471;&#12483;&#12503;\2%20%20%20%20&#37117;&#24193;&#12452;&#12531;&#12479;&#12540;&#12531;&#12471;&#12483;&#12503;2023\&#65299;%20&#21508;&#25152;&#22238;&#31572;\&#20843;&#29579;&#23376;_&#37117;&#24193;&#12452;&#12531;&#12479;&#12540;&#12531;&#12471;&#12483;&#12503;2023&#23455;&#32722;&#37096;&#32626;&#35519;&#26619;&#31080;%20.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Z:\03-1%20&#12522;&#12463;&#12523;&#12540;&#12488;&#26989;&#21209;&#12395;&#38306;&#12377;&#12427;&#12371;&#12392;\03%20%20&#12522;&#12463;&#12523;&#12540;&#12488;&#27963;&#21205;&#65288;&#65330;&#65301;&#65289;\14%20%20%20%20&#12452;&#12531;&#12479;&#12540;&#12531;&#12471;&#12483;&#12503;\2%20%20%20%20&#37117;&#24193;&#12452;&#12531;&#12479;&#12540;&#12531;&#12471;&#12483;&#12503;2023\&#65299;%20&#21508;&#25152;&#22238;&#31572;\&#12304;&#36275;&#31435;&#20445;&#35703;&#12305;03_&#37117;&#24193;&#12452;&#12531;&#12479;&#12540;&#12531;&#12471;&#12483;&#12503;2023&#23455;&#32722;&#37096;&#32626;&#35519;&#26619;&#31080;%20.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Z:\03-1%20&#12522;&#12463;&#12523;&#12540;&#12488;&#26989;&#21209;&#12395;&#38306;&#12377;&#12427;&#12371;&#12392;\03%20%20&#12522;&#12463;&#12523;&#12540;&#12488;&#27963;&#21205;&#65288;&#65330;&#65301;&#65289;\14%20%20%20%20&#12452;&#12531;&#12479;&#12540;&#12531;&#12471;&#12483;&#12503;\2%20%20%20%20&#37117;&#24193;&#12452;&#12531;&#12479;&#12540;&#12531;&#12471;&#12483;&#12503;2023\&#65299;%20&#21508;&#25152;&#22238;&#31572;\&#31435;&#24029;&#24515;&#29702;&#65289;&#37117;&#24193;&#12452;&#12531;&#12479;&#12540;&#12531;&#12471;&#12483;&#12503;2023&#23455;&#32722;&#37096;&#32626;&#35519;&#26619;&#3108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 val="調査票"/>
      <sheetName val="（参考）R4年度 調査票"/>
      <sheetName val="（参考）R4年度プレス 実習一覧"/>
      <sheetName val="（参考）R4年度 事前連絡カード"/>
    </sheetNames>
    <sheetDataSet>
      <sheetData sheetId="0" refreshError="1"/>
      <sheetData sheetId="1" refreshError="1"/>
      <sheetData sheetId="2" refreshError="1"/>
      <sheetData sheetId="3" refreshError="1"/>
      <sheetData sheetId="4"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第2ターム】"/>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 sheetId="5"/>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第1ターム】"/>
      <sheetName val="調査票【第2ターム】"/>
      <sheetName val="（参考）R4年度 調査票"/>
      <sheetName val="（参考）R4年度プレス 実習一覧"/>
      <sheetName val="（参考）R4年度 事前連絡カード"/>
      <sheetName val="コード"/>
    </sheetNames>
    <sheetDataSet>
      <sheetData sheetId="0" refreshError="1"/>
      <sheetData sheetId="1" refreshError="1"/>
      <sheetData sheetId="2" refreshError="1"/>
      <sheetData sheetId="3" refreshError="1"/>
      <sheetData sheetId="4" refreshError="1"/>
      <sheetData sheetId="5"/>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31年度"/>
      <sheetName val="（参考）30年度プレス一覧"/>
      <sheetName val="（参考）30年度事前連絡カード"/>
      <sheetName val="コード"/>
    </sheetNames>
    <sheetDataSet>
      <sheetData sheetId="0"/>
      <sheetData sheetId="1"/>
      <sheetData sheetId="2"/>
      <sheetData sheetId="3"/>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調査票"/>
      <sheetName val="（参考）R4年度 調査票"/>
      <sheetName val="（参考）R4年度プレス 実習一覧"/>
      <sheetName val="（参考）R4年度 事前連絡カード"/>
      <sheetName val="コード"/>
    </sheetNames>
    <sheetDataSet>
      <sheetData sheetId="0"/>
      <sheetData sheetId="1"/>
      <sheetData sheetId="2"/>
      <sheetData sheetId="3"/>
      <sheetData sheetId="4"/>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コード"/>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Y34"/>
  <sheetViews>
    <sheetView tabSelected="1" view="pageBreakPreview" zoomScale="70" zoomScaleNormal="50" zoomScaleSheetLayoutView="70" workbookViewId="0">
      <selection activeCell="AA3" sqref="AA3"/>
    </sheetView>
  </sheetViews>
  <sheetFormatPr defaultColWidth="9" defaultRowHeight="17.399999999999999" x14ac:dyDescent="0.2"/>
  <cols>
    <col min="1" max="1" width="5.77734375" style="28" customWidth="1"/>
    <col min="2" max="2" width="16" style="1" customWidth="1"/>
    <col min="3" max="3" width="16.44140625" style="29" customWidth="1"/>
    <col min="4" max="4" width="18.21875" style="1" customWidth="1"/>
    <col min="5" max="5" width="5.33203125" style="29" customWidth="1"/>
    <col min="6" max="6" width="8.6640625" style="29" customWidth="1"/>
    <col min="7" max="7" width="5.44140625" style="26" customWidth="1"/>
    <col min="8" max="8" width="5.109375" style="29" customWidth="1"/>
    <col min="9" max="9" width="4.33203125" style="27" customWidth="1"/>
    <col min="10" max="10" width="3.44140625" style="29" customWidth="1"/>
    <col min="11" max="11" width="6.5546875" style="29" customWidth="1"/>
    <col min="12" max="12" width="4.33203125" style="27" customWidth="1"/>
    <col min="13" max="13" width="4.88671875" style="1" customWidth="1"/>
    <col min="14" max="14" width="12.77734375" style="29" customWidth="1"/>
    <col min="15" max="15" width="6.33203125" style="33" customWidth="1"/>
    <col min="16" max="16" width="3.33203125" style="29" customWidth="1"/>
    <col min="17" max="17" width="6.33203125" style="33" customWidth="1"/>
    <col min="18" max="18" width="12.44140625" style="1" customWidth="1"/>
    <col min="19" max="19" width="16.109375" style="37" customWidth="1"/>
    <col min="20" max="20" width="37.109375" style="1" customWidth="1"/>
    <col min="21" max="21" width="10.88671875" style="29" customWidth="1"/>
    <col min="22" max="24" width="9.21875" style="29" customWidth="1"/>
    <col min="25" max="25" width="29.6640625" style="34" customWidth="1"/>
    <col min="26" max="16384" width="9" style="1"/>
  </cols>
  <sheetData>
    <row r="1" spans="1:25" ht="37.5" customHeight="1" x14ac:dyDescent="0.2">
      <c r="A1" s="85" t="s">
        <v>224</v>
      </c>
      <c r="B1" s="85"/>
      <c r="C1" s="85"/>
      <c r="D1" s="85"/>
      <c r="E1" s="85"/>
      <c r="F1" s="85"/>
      <c r="G1" s="85"/>
      <c r="H1" s="85"/>
      <c r="I1" s="85"/>
      <c r="J1" s="85"/>
      <c r="K1" s="85"/>
      <c r="L1" s="85"/>
      <c r="M1" s="85"/>
      <c r="N1" s="85"/>
      <c r="O1" s="85"/>
      <c r="P1" s="85"/>
      <c r="Q1" s="85"/>
      <c r="R1" s="85"/>
      <c r="S1" s="85"/>
      <c r="T1" s="85"/>
      <c r="U1" s="85"/>
      <c r="V1" s="85"/>
      <c r="W1" s="85"/>
      <c r="X1" s="85"/>
      <c r="Y1" s="85"/>
    </row>
    <row r="2" spans="1:25" s="30" customFormat="1" ht="32.25" customHeight="1" x14ac:dyDescent="0.2">
      <c r="A2" s="2" t="s">
        <v>0</v>
      </c>
      <c r="B2" s="2" t="s">
        <v>1</v>
      </c>
      <c r="C2" s="3" t="s">
        <v>2</v>
      </c>
      <c r="D2" s="3" t="s">
        <v>3</v>
      </c>
      <c r="E2" s="4" t="s">
        <v>4</v>
      </c>
      <c r="F2" s="4" t="s">
        <v>5</v>
      </c>
      <c r="G2" s="5" t="s">
        <v>6</v>
      </c>
      <c r="H2" s="89" t="s">
        <v>7</v>
      </c>
      <c r="I2" s="90"/>
      <c r="J2" s="41" t="s">
        <v>47</v>
      </c>
      <c r="K2" s="90" t="s">
        <v>8</v>
      </c>
      <c r="L2" s="91"/>
      <c r="M2" s="6" t="s">
        <v>9</v>
      </c>
      <c r="N2" s="39" t="s">
        <v>10</v>
      </c>
      <c r="O2" s="86" t="s">
        <v>33</v>
      </c>
      <c r="P2" s="87"/>
      <c r="Q2" s="88"/>
      <c r="R2" s="40" t="s">
        <v>11</v>
      </c>
      <c r="S2" s="36" t="s">
        <v>12</v>
      </c>
      <c r="T2" s="7" t="s">
        <v>18</v>
      </c>
      <c r="U2" s="7" t="s">
        <v>13</v>
      </c>
      <c r="V2" s="38" t="s">
        <v>29</v>
      </c>
      <c r="W2" s="38" t="s">
        <v>30</v>
      </c>
      <c r="X2" s="38" t="s">
        <v>32</v>
      </c>
      <c r="Y2" s="7" t="s">
        <v>14</v>
      </c>
    </row>
    <row r="3" spans="1:25" s="31" customFormat="1" ht="180" customHeight="1" x14ac:dyDescent="0.2">
      <c r="A3" s="8">
        <v>1</v>
      </c>
      <c r="B3" s="8" t="s">
        <v>54</v>
      </c>
      <c r="C3" s="9" t="s">
        <v>55</v>
      </c>
      <c r="D3" s="10" t="s">
        <v>56</v>
      </c>
      <c r="E3" s="11" t="s">
        <v>21</v>
      </c>
      <c r="F3" s="12" t="s">
        <v>57</v>
      </c>
      <c r="G3" s="13">
        <v>4</v>
      </c>
      <c r="H3" s="14">
        <v>45145</v>
      </c>
      <c r="I3" s="46" t="str">
        <f>TEXT($H3,"(aaa)")</f>
        <v>(月)</v>
      </c>
      <c r="J3" s="16" t="s">
        <v>22</v>
      </c>
      <c r="K3" s="17">
        <v>45148</v>
      </c>
      <c r="L3" s="46" t="str">
        <f>TEXT($K3,"(aaa)")</f>
        <v>(木)</v>
      </c>
      <c r="M3" s="19">
        <v>4</v>
      </c>
      <c r="N3" s="12" t="s">
        <v>52</v>
      </c>
      <c r="O3" s="43">
        <v>0.375</v>
      </c>
      <c r="P3" s="21" t="s">
        <v>22</v>
      </c>
      <c r="Q3" s="44">
        <v>0.73958333333333337</v>
      </c>
      <c r="R3" s="12" t="s">
        <v>52</v>
      </c>
      <c r="S3" s="12" t="s">
        <v>58</v>
      </c>
      <c r="T3" s="10" t="s">
        <v>59</v>
      </c>
      <c r="U3" s="12" t="s">
        <v>60</v>
      </c>
      <c r="V3" s="11"/>
      <c r="W3" s="11"/>
      <c r="X3" s="11"/>
      <c r="Y3" s="45" t="s">
        <v>61</v>
      </c>
    </row>
    <row r="4" spans="1:25" s="31" customFormat="1" ht="271.2" customHeight="1" x14ac:dyDescent="0.2">
      <c r="A4" s="8">
        <v>2</v>
      </c>
      <c r="B4" s="8" t="s">
        <v>54</v>
      </c>
      <c r="C4" s="9" t="s">
        <v>55</v>
      </c>
      <c r="D4" s="10" t="s">
        <v>62</v>
      </c>
      <c r="E4" s="11" t="s">
        <v>20</v>
      </c>
      <c r="F4" s="12" t="s">
        <v>63</v>
      </c>
      <c r="G4" s="13">
        <v>1</v>
      </c>
      <c r="H4" s="14">
        <v>45145</v>
      </c>
      <c r="I4" s="46" t="str">
        <f t="shared" ref="I4:I7" si="0">TEXT($H4,"(aaa)")</f>
        <v>(月)</v>
      </c>
      <c r="J4" s="16" t="s">
        <v>22</v>
      </c>
      <c r="K4" s="17">
        <v>45146</v>
      </c>
      <c r="L4" s="46" t="str">
        <f t="shared" ref="L4:L9" si="1">TEXT($K4,"(aaa)")</f>
        <v>(火)</v>
      </c>
      <c r="M4" s="19">
        <v>2</v>
      </c>
      <c r="N4" s="12" t="s">
        <v>52</v>
      </c>
      <c r="O4" s="43">
        <v>0.375</v>
      </c>
      <c r="P4" s="21" t="s">
        <v>22</v>
      </c>
      <c r="Q4" s="44">
        <v>0.70833333333333337</v>
      </c>
      <c r="R4" s="12" t="s">
        <v>52</v>
      </c>
      <c r="S4" s="12" t="s">
        <v>64</v>
      </c>
      <c r="T4" s="10" t="s">
        <v>65</v>
      </c>
      <c r="U4" s="12" t="s">
        <v>66</v>
      </c>
      <c r="V4" s="11"/>
      <c r="W4" s="11"/>
      <c r="X4" s="11"/>
      <c r="Y4" s="10" t="s">
        <v>67</v>
      </c>
    </row>
    <row r="5" spans="1:25" s="31" customFormat="1" ht="271.2" customHeight="1" x14ac:dyDescent="0.2">
      <c r="A5" s="8">
        <v>3</v>
      </c>
      <c r="B5" s="8" t="s">
        <v>54</v>
      </c>
      <c r="C5" s="9" t="s">
        <v>55</v>
      </c>
      <c r="D5" s="10" t="s">
        <v>68</v>
      </c>
      <c r="E5" s="11" t="s">
        <v>20</v>
      </c>
      <c r="F5" s="12" t="s">
        <v>63</v>
      </c>
      <c r="G5" s="13">
        <v>1</v>
      </c>
      <c r="H5" s="14">
        <v>45140</v>
      </c>
      <c r="I5" s="46" t="str">
        <f t="shared" si="0"/>
        <v>(水)</v>
      </c>
      <c r="J5" s="16" t="s">
        <v>22</v>
      </c>
      <c r="K5" s="17">
        <v>45141</v>
      </c>
      <c r="L5" s="46" t="str">
        <f t="shared" si="1"/>
        <v>(木)</v>
      </c>
      <c r="M5" s="19">
        <v>2</v>
      </c>
      <c r="N5" s="12" t="s">
        <v>52</v>
      </c>
      <c r="O5" s="43">
        <v>0.375</v>
      </c>
      <c r="P5" s="21" t="s">
        <v>16</v>
      </c>
      <c r="Q5" s="44">
        <v>0.70833333333333337</v>
      </c>
      <c r="R5" s="12" t="s">
        <v>52</v>
      </c>
      <c r="S5" s="12" t="s">
        <v>69</v>
      </c>
      <c r="T5" s="10" t="s">
        <v>70</v>
      </c>
      <c r="U5" s="12" t="s">
        <v>71</v>
      </c>
      <c r="V5" s="11"/>
      <c r="W5" s="11"/>
      <c r="X5" s="11"/>
      <c r="Y5" s="10" t="s">
        <v>72</v>
      </c>
    </row>
    <row r="6" spans="1:25" s="31" customFormat="1" ht="271.2" customHeight="1" x14ac:dyDescent="0.2">
      <c r="A6" s="8">
        <v>4</v>
      </c>
      <c r="B6" s="8" t="s">
        <v>54</v>
      </c>
      <c r="C6" s="9" t="s">
        <v>55</v>
      </c>
      <c r="D6" s="10" t="s">
        <v>73</v>
      </c>
      <c r="E6" s="11" t="s">
        <v>20</v>
      </c>
      <c r="F6" s="12" t="s">
        <v>63</v>
      </c>
      <c r="G6" s="13">
        <v>2</v>
      </c>
      <c r="H6" s="14">
        <v>45146</v>
      </c>
      <c r="I6" s="15" t="str">
        <f t="shared" si="0"/>
        <v>(火)</v>
      </c>
      <c r="J6" s="16" t="s">
        <v>22</v>
      </c>
      <c r="K6" s="17">
        <v>45147</v>
      </c>
      <c r="L6" s="15" t="str">
        <f t="shared" si="1"/>
        <v>(水)</v>
      </c>
      <c r="M6" s="19">
        <v>2</v>
      </c>
      <c r="N6" s="12" t="s">
        <v>52</v>
      </c>
      <c r="O6" s="43">
        <v>0.375</v>
      </c>
      <c r="P6" s="21" t="s">
        <v>22</v>
      </c>
      <c r="Q6" s="44">
        <v>0.70833333333333337</v>
      </c>
      <c r="R6" s="12" t="s">
        <v>52</v>
      </c>
      <c r="S6" s="12" t="s">
        <v>74</v>
      </c>
      <c r="T6" s="10" t="s">
        <v>75</v>
      </c>
      <c r="U6" s="12" t="s">
        <v>76</v>
      </c>
      <c r="V6" s="11"/>
      <c r="W6" s="11"/>
      <c r="X6" s="11"/>
      <c r="Y6" s="45" t="s">
        <v>77</v>
      </c>
    </row>
    <row r="7" spans="1:25" s="31" customFormat="1" ht="271.2" customHeight="1" x14ac:dyDescent="0.2">
      <c r="A7" s="8">
        <v>5</v>
      </c>
      <c r="B7" s="8" t="s">
        <v>54</v>
      </c>
      <c r="C7" s="9" t="s">
        <v>55</v>
      </c>
      <c r="D7" s="10" t="s">
        <v>78</v>
      </c>
      <c r="E7" s="11" t="s">
        <v>20</v>
      </c>
      <c r="F7" s="12" t="s">
        <v>79</v>
      </c>
      <c r="G7" s="19">
        <v>1</v>
      </c>
      <c r="H7" s="14">
        <v>45134</v>
      </c>
      <c r="I7" s="46" t="str">
        <f t="shared" si="0"/>
        <v>(木)</v>
      </c>
      <c r="J7" s="16" t="s">
        <v>16</v>
      </c>
      <c r="K7" s="17">
        <v>45135</v>
      </c>
      <c r="L7" s="46" t="str">
        <f t="shared" si="1"/>
        <v>(金)</v>
      </c>
      <c r="M7" s="19">
        <v>2</v>
      </c>
      <c r="N7" s="12" t="s">
        <v>52</v>
      </c>
      <c r="O7" s="43">
        <v>0.375</v>
      </c>
      <c r="P7" s="21" t="s">
        <v>16</v>
      </c>
      <c r="Q7" s="44">
        <v>0.70833333333333337</v>
      </c>
      <c r="R7" s="44" t="s">
        <v>52</v>
      </c>
      <c r="S7" s="47" t="s">
        <v>80</v>
      </c>
      <c r="T7" s="10" t="s">
        <v>81</v>
      </c>
      <c r="U7" s="12" t="s">
        <v>82</v>
      </c>
      <c r="V7" s="11" t="s">
        <v>17</v>
      </c>
      <c r="W7" s="11"/>
      <c r="X7" s="11"/>
      <c r="Y7" s="10" t="s">
        <v>83</v>
      </c>
    </row>
    <row r="8" spans="1:25" s="31" customFormat="1" ht="302.39999999999998" customHeight="1" x14ac:dyDescent="0.2">
      <c r="A8" s="8">
        <v>6</v>
      </c>
      <c r="B8" s="8" t="s">
        <v>54</v>
      </c>
      <c r="C8" s="9" t="s">
        <v>55</v>
      </c>
      <c r="D8" s="10" t="s">
        <v>84</v>
      </c>
      <c r="E8" s="11" t="s">
        <v>20</v>
      </c>
      <c r="F8" s="12" t="s">
        <v>79</v>
      </c>
      <c r="G8" s="13">
        <v>1</v>
      </c>
      <c r="H8" s="14">
        <v>45141</v>
      </c>
      <c r="I8" s="46" t="str">
        <f>TEXT($H8,"(aaa)")</f>
        <v>(木)</v>
      </c>
      <c r="J8" s="16" t="s">
        <v>22</v>
      </c>
      <c r="K8" s="17">
        <v>45142</v>
      </c>
      <c r="L8" s="46" t="str">
        <f t="shared" si="1"/>
        <v>(金)</v>
      </c>
      <c r="M8" s="19">
        <v>2</v>
      </c>
      <c r="N8" s="12" t="s">
        <v>52</v>
      </c>
      <c r="O8" s="43">
        <v>0.375</v>
      </c>
      <c r="P8" s="21" t="s">
        <v>22</v>
      </c>
      <c r="Q8" s="44">
        <v>0.70833333333333337</v>
      </c>
      <c r="R8" s="12" t="s">
        <v>52</v>
      </c>
      <c r="S8" s="12" t="s">
        <v>85</v>
      </c>
      <c r="T8" s="10" t="s">
        <v>86</v>
      </c>
      <c r="U8" s="12" t="s">
        <v>87</v>
      </c>
      <c r="V8" s="11"/>
      <c r="W8" s="11"/>
      <c r="X8" s="11"/>
      <c r="Y8" s="10" t="s">
        <v>88</v>
      </c>
    </row>
    <row r="9" spans="1:25" s="31" customFormat="1" ht="280.2" customHeight="1" x14ac:dyDescent="0.2">
      <c r="A9" s="8">
        <v>7</v>
      </c>
      <c r="B9" s="8" t="s">
        <v>54</v>
      </c>
      <c r="C9" s="9" t="s">
        <v>55</v>
      </c>
      <c r="D9" s="10" t="s">
        <v>89</v>
      </c>
      <c r="E9" s="11" t="s">
        <v>20</v>
      </c>
      <c r="F9" s="12" t="s">
        <v>79</v>
      </c>
      <c r="G9" s="13">
        <v>1</v>
      </c>
      <c r="H9" s="14">
        <v>45141</v>
      </c>
      <c r="I9" s="15" t="str">
        <f>TEXT($H9,"(aaa)")</f>
        <v>(木)</v>
      </c>
      <c r="J9" s="16" t="s">
        <v>22</v>
      </c>
      <c r="K9" s="17">
        <v>45142</v>
      </c>
      <c r="L9" s="15" t="str">
        <f t="shared" si="1"/>
        <v>(金)</v>
      </c>
      <c r="M9" s="19">
        <v>2</v>
      </c>
      <c r="N9" s="12" t="s">
        <v>52</v>
      </c>
      <c r="O9" s="43">
        <v>0.375</v>
      </c>
      <c r="P9" s="21" t="s">
        <v>22</v>
      </c>
      <c r="Q9" s="44">
        <v>0.73958333333333337</v>
      </c>
      <c r="R9" s="12" t="s">
        <v>52</v>
      </c>
      <c r="S9" s="12" t="s">
        <v>90</v>
      </c>
      <c r="T9" s="10" t="s">
        <v>91</v>
      </c>
      <c r="U9" s="12" t="s">
        <v>82</v>
      </c>
      <c r="V9" s="11"/>
      <c r="W9" s="11"/>
      <c r="X9" s="11"/>
      <c r="Y9" s="45" t="s">
        <v>92</v>
      </c>
    </row>
    <row r="10" spans="1:25" s="31" customFormat="1" ht="394.2" customHeight="1" x14ac:dyDescent="0.2">
      <c r="A10" s="8">
        <v>8</v>
      </c>
      <c r="B10" s="8" t="s">
        <v>54</v>
      </c>
      <c r="C10" s="9" t="s">
        <v>93</v>
      </c>
      <c r="D10" s="10" t="s">
        <v>94</v>
      </c>
      <c r="E10" s="11" t="s">
        <v>20</v>
      </c>
      <c r="F10" s="12" t="s">
        <v>95</v>
      </c>
      <c r="G10" s="13">
        <v>2</v>
      </c>
      <c r="H10" s="14">
        <v>45146</v>
      </c>
      <c r="I10" s="46" t="str">
        <f>TEXT($H10,"(aaa)")</f>
        <v>(火)</v>
      </c>
      <c r="J10" s="16" t="s">
        <v>22</v>
      </c>
      <c r="K10" s="17">
        <v>45148</v>
      </c>
      <c r="L10" s="46" t="str">
        <f>TEXT($K10,"(aaa)")</f>
        <v>(木)</v>
      </c>
      <c r="M10" s="19">
        <v>3</v>
      </c>
      <c r="N10" s="12" t="s">
        <v>52</v>
      </c>
      <c r="O10" s="42">
        <v>0.36458333333333331</v>
      </c>
      <c r="P10" s="21" t="s">
        <v>22</v>
      </c>
      <c r="Q10" s="44">
        <v>0.72916666666666663</v>
      </c>
      <c r="R10" s="10" t="s">
        <v>96</v>
      </c>
      <c r="S10" s="12" t="s">
        <v>97</v>
      </c>
      <c r="T10" s="10" t="s">
        <v>223</v>
      </c>
      <c r="U10" s="12" t="s">
        <v>98</v>
      </c>
      <c r="V10" s="11"/>
      <c r="W10" s="11"/>
      <c r="X10" s="11"/>
      <c r="Y10" s="45" t="s">
        <v>99</v>
      </c>
    </row>
    <row r="11" spans="1:25" s="31" customFormat="1" ht="180" customHeight="1" x14ac:dyDescent="0.2">
      <c r="A11" s="8">
        <v>9</v>
      </c>
      <c r="B11" s="8" t="s">
        <v>100</v>
      </c>
      <c r="C11" s="9" t="s">
        <v>55</v>
      </c>
      <c r="D11" s="10" t="s">
        <v>101</v>
      </c>
      <c r="E11" s="11" t="s">
        <v>15</v>
      </c>
      <c r="F11" s="12" t="s">
        <v>79</v>
      </c>
      <c r="G11" s="19">
        <v>1</v>
      </c>
      <c r="H11" s="14">
        <v>45134</v>
      </c>
      <c r="I11" s="15" t="s">
        <v>50</v>
      </c>
      <c r="J11" s="16" t="s">
        <v>16</v>
      </c>
      <c r="K11" s="17">
        <v>45135</v>
      </c>
      <c r="L11" s="18" t="s">
        <v>51</v>
      </c>
      <c r="M11" s="19">
        <v>2</v>
      </c>
      <c r="N11" s="23" t="s">
        <v>52</v>
      </c>
      <c r="O11" s="43">
        <v>0.36458333333333331</v>
      </c>
      <c r="P11" s="21" t="s">
        <v>22</v>
      </c>
      <c r="Q11" s="44">
        <v>0.66666666666666663</v>
      </c>
      <c r="R11" s="44" t="s">
        <v>52</v>
      </c>
      <c r="S11" s="35" t="s">
        <v>102</v>
      </c>
      <c r="T11" s="10" t="s">
        <v>103</v>
      </c>
      <c r="U11" s="12" t="s">
        <v>104</v>
      </c>
      <c r="V11" s="11"/>
      <c r="W11" s="11"/>
      <c r="X11" s="11"/>
      <c r="Y11" s="10" t="s">
        <v>105</v>
      </c>
    </row>
    <row r="12" spans="1:25" s="31" customFormat="1" ht="217.95" customHeight="1" x14ac:dyDescent="0.2">
      <c r="A12" s="8">
        <v>10</v>
      </c>
      <c r="B12" s="8" t="s">
        <v>100</v>
      </c>
      <c r="C12" s="9" t="s">
        <v>106</v>
      </c>
      <c r="D12" s="10" t="s">
        <v>107</v>
      </c>
      <c r="E12" s="11" t="s">
        <v>21</v>
      </c>
      <c r="F12" s="12" t="s">
        <v>108</v>
      </c>
      <c r="G12" s="13">
        <v>1</v>
      </c>
      <c r="H12" s="14">
        <v>45133</v>
      </c>
      <c r="I12" s="46" t="s">
        <v>109</v>
      </c>
      <c r="J12" s="16" t="s">
        <v>16</v>
      </c>
      <c r="K12" s="17">
        <v>45134</v>
      </c>
      <c r="L12" s="46" t="s">
        <v>110</v>
      </c>
      <c r="M12" s="19">
        <v>2</v>
      </c>
      <c r="N12" s="12" t="s">
        <v>52</v>
      </c>
      <c r="O12" s="43">
        <v>0.375</v>
      </c>
      <c r="P12" s="21" t="s">
        <v>16</v>
      </c>
      <c r="Q12" s="44">
        <v>0.73958333333333337</v>
      </c>
      <c r="R12" s="12" t="s">
        <v>52</v>
      </c>
      <c r="S12" s="12" t="s">
        <v>111</v>
      </c>
      <c r="T12" s="10" t="s">
        <v>112</v>
      </c>
      <c r="U12" s="12" t="s">
        <v>113</v>
      </c>
      <c r="V12" s="11" t="s">
        <v>17</v>
      </c>
      <c r="W12" s="11" t="s">
        <v>17</v>
      </c>
      <c r="X12" s="11"/>
      <c r="Y12" s="45" t="s">
        <v>114</v>
      </c>
    </row>
    <row r="13" spans="1:25" s="31" customFormat="1" ht="180" customHeight="1" x14ac:dyDescent="0.2">
      <c r="A13" s="8">
        <v>11</v>
      </c>
      <c r="B13" s="8" t="s">
        <v>54</v>
      </c>
      <c r="C13" s="9" t="s">
        <v>55</v>
      </c>
      <c r="D13" s="10" t="s">
        <v>115</v>
      </c>
      <c r="E13" s="11" t="s">
        <v>20</v>
      </c>
      <c r="F13" s="12" t="s">
        <v>63</v>
      </c>
      <c r="G13" s="13">
        <v>2</v>
      </c>
      <c r="H13" s="14">
        <v>45134</v>
      </c>
      <c r="I13" s="15" t="s">
        <v>50</v>
      </c>
      <c r="J13" s="16" t="s">
        <v>16</v>
      </c>
      <c r="K13" s="17">
        <v>45135</v>
      </c>
      <c r="L13" s="15" t="s">
        <v>51</v>
      </c>
      <c r="M13" s="19">
        <v>2</v>
      </c>
      <c r="N13" s="12" t="s">
        <v>116</v>
      </c>
      <c r="O13" s="43">
        <v>0.375</v>
      </c>
      <c r="P13" s="21" t="s">
        <v>16</v>
      </c>
      <c r="Q13" s="44">
        <v>0.70833333333333337</v>
      </c>
      <c r="R13" s="12" t="s">
        <v>116</v>
      </c>
      <c r="S13" s="12" t="s">
        <v>117</v>
      </c>
      <c r="T13" s="10" t="s">
        <v>118</v>
      </c>
      <c r="U13" s="12" t="s">
        <v>63</v>
      </c>
      <c r="V13" s="11"/>
      <c r="W13" s="11"/>
      <c r="X13" s="11"/>
      <c r="Y13" s="45" t="s">
        <v>119</v>
      </c>
    </row>
    <row r="14" spans="1:25" s="31" customFormat="1" ht="180" customHeight="1" x14ac:dyDescent="0.2">
      <c r="A14" s="8">
        <v>12</v>
      </c>
      <c r="B14" s="8" t="s">
        <v>54</v>
      </c>
      <c r="C14" s="9" t="s">
        <v>55</v>
      </c>
      <c r="D14" s="10" t="s">
        <v>120</v>
      </c>
      <c r="E14" s="11" t="s">
        <v>20</v>
      </c>
      <c r="F14" s="12" t="s">
        <v>79</v>
      </c>
      <c r="G14" s="13">
        <v>1</v>
      </c>
      <c r="H14" s="14">
        <v>45140</v>
      </c>
      <c r="I14" s="46" t="s">
        <v>49</v>
      </c>
      <c r="J14" s="16" t="s">
        <v>16</v>
      </c>
      <c r="K14" s="17">
        <v>45141</v>
      </c>
      <c r="L14" s="46" t="s">
        <v>50</v>
      </c>
      <c r="M14" s="19">
        <v>2</v>
      </c>
      <c r="N14" s="12" t="s">
        <v>116</v>
      </c>
      <c r="O14" s="71">
        <v>0.375</v>
      </c>
      <c r="P14" s="21" t="s">
        <v>16</v>
      </c>
      <c r="Q14" s="44">
        <v>0.70833333333333337</v>
      </c>
      <c r="R14" s="12" t="s">
        <v>116</v>
      </c>
      <c r="S14" s="12" t="s">
        <v>121</v>
      </c>
      <c r="T14" s="10" t="s">
        <v>122</v>
      </c>
      <c r="U14" s="12" t="s">
        <v>82</v>
      </c>
      <c r="V14" s="11"/>
      <c r="W14" s="11"/>
      <c r="X14" s="11"/>
      <c r="Y14" s="45" t="s">
        <v>123</v>
      </c>
    </row>
    <row r="15" spans="1:25" s="31" customFormat="1" ht="180" customHeight="1" x14ac:dyDescent="0.2">
      <c r="A15" s="8">
        <v>13</v>
      </c>
      <c r="B15" s="8" t="s">
        <v>54</v>
      </c>
      <c r="C15" s="9" t="s">
        <v>55</v>
      </c>
      <c r="D15" s="10" t="s">
        <v>124</v>
      </c>
      <c r="E15" s="11" t="s">
        <v>15</v>
      </c>
      <c r="F15" s="12" t="s">
        <v>125</v>
      </c>
      <c r="G15" s="13">
        <v>2</v>
      </c>
      <c r="H15" s="14">
        <v>45140</v>
      </c>
      <c r="I15" s="46" t="s">
        <v>126</v>
      </c>
      <c r="J15" s="16" t="s">
        <v>16</v>
      </c>
      <c r="K15" s="17">
        <v>45141</v>
      </c>
      <c r="L15" s="46" t="s">
        <v>127</v>
      </c>
      <c r="M15" s="19">
        <v>2</v>
      </c>
      <c r="N15" s="12" t="s">
        <v>52</v>
      </c>
      <c r="O15" s="43">
        <v>0.35416666666666669</v>
      </c>
      <c r="P15" s="21" t="s">
        <v>16</v>
      </c>
      <c r="Q15" s="44">
        <v>0.71875</v>
      </c>
      <c r="R15" s="12" t="s">
        <v>52</v>
      </c>
      <c r="S15" s="12" t="s">
        <v>128</v>
      </c>
      <c r="T15" s="10" t="s">
        <v>129</v>
      </c>
      <c r="U15" s="12" t="s">
        <v>130</v>
      </c>
      <c r="V15" s="11"/>
      <c r="W15" s="11"/>
      <c r="X15" s="11"/>
      <c r="Y15" s="45" t="s">
        <v>131</v>
      </c>
    </row>
    <row r="16" spans="1:25" s="31" customFormat="1" ht="180" customHeight="1" x14ac:dyDescent="0.2">
      <c r="A16" s="8">
        <v>14</v>
      </c>
      <c r="B16" s="8" t="s">
        <v>54</v>
      </c>
      <c r="C16" s="9" t="s">
        <v>55</v>
      </c>
      <c r="D16" s="10" t="s">
        <v>132</v>
      </c>
      <c r="E16" s="11" t="s">
        <v>21</v>
      </c>
      <c r="F16" s="12" t="s">
        <v>133</v>
      </c>
      <c r="G16" s="13">
        <v>1</v>
      </c>
      <c r="H16" s="14">
        <v>45139</v>
      </c>
      <c r="I16" s="46" t="s">
        <v>48</v>
      </c>
      <c r="J16" s="16" t="s">
        <v>16</v>
      </c>
      <c r="K16" s="17">
        <v>45140</v>
      </c>
      <c r="L16" s="46" t="s">
        <v>49</v>
      </c>
      <c r="M16" s="19">
        <v>2</v>
      </c>
      <c r="N16" s="12" t="s">
        <v>116</v>
      </c>
      <c r="O16" s="43">
        <v>0.375</v>
      </c>
      <c r="P16" s="21" t="s">
        <v>16</v>
      </c>
      <c r="Q16" s="44">
        <v>0.73958333333333337</v>
      </c>
      <c r="R16" s="12" t="s">
        <v>116</v>
      </c>
      <c r="S16" s="12" t="s">
        <v>134</v>
      </c>
      <c r="T16" s="10" t="s">
        <v>135</v>
      </c>
      <c r="U16" s="12" t="s">
        <v>136</v>
      </c>
      <c r="V16" s="11"/>
      <c r="W16" s="11"/>
      <c r="X16" s="11"/>
      <c r="Y16" s="45" t="s">
        <v>137</v>
      </c>
    </row>
    <row r="17" spans="1:25" s="31" customFormat="1" ht="217.95" customHeight="1" x14ac:dyDescent="0.2">
      <c r="A17" s="8">
        <v>15</v>
      </c>
      <c r="B17" s="8" t="s">
        <v>54</v>
      </c>
      <c r="C17" s="9" t="s">
        <v>55</v>
      </c>
      <c r="D17" s="10" t="s">
        <v>138</v>
      </c>
      <c r="E17" s="11" t="s">
        <v>21</v>
      </c>
      <c r="F17" s="12" t="s">
        <v>139</v>
      </c>
      <c r="G17" s="13">
        <v>4</v>
      </c>
      <c r="H17" s="14">
        <v>45146</v>
      </c>
      <c r="I17" s="46" t="s">
        <v>140</v>
      </c>
      <c r="J17" s="16" t="s">
        <v>16</v>
      </c>
      <c r="K17" s="17">
        <v>45147</v>
      </c>
      <c r="L17" s="46" t="s">
        <v>49</v>
      </c>
      <c r="M17" s="19">
        <v>2</v>
      </c>
      <c r="N17" s="12" t="s">
        <v>116</v>
      </c>
      <c r="O17" s="43">
        <v>0.375</v>
      </c>
      <c r="P17" s="21" t="s">
        <v>16</v>
      </c>
      <c r="Q17" s="44">
        <v>0.625</v>
      </c>
      <c r="R17" s="12" t="s">
        <v>116</v>
      </c>
      <c r="S17" s="12" t="s">
        <v>141</v>
      </c>
      <c r="T17" s="10" t="s">
        <v>142</v>
      </c>
      <c r="U17" s="12" t="s">
        <v>143</v>
      </c>
      <c r="V17" s="11"/>
      <c r="W17" s="11"/>
      <c r="X17" s="11"/>
      <c r="Y17" s="45" t="s">
        <v>144</v>
      </c>
    </row>
    <row r="18" spans="1:25" s="31" customFormat="1" ht="180" customHeight="1" x14ac:dyDescent="0.2">
      <c r="A18" s="8">
        <v>16</v>
      </c>
      <c r="B18" s="8" t="s">
        <v>54</v>
      </c>
      <c r="C18" s="9" t="s">
        <v>55</v>
      </c>
      <c r="D18" s="10" t="s">
        <v>145</v>
      </c>
      <c r="E18" s="11" t="s">
        <v>15</v>
      </c>
      <c r="F18" s="12" t="s">
        <v>146</v>
      </c>
      <c r="G18" s="13">
        <v>2</v>
      </c>
      <c r="H18" s="14">
        <v>45133</v>
      </c>
      <c r="I18" s="15" t="s">
        <v>49</v>
      </c>
      <c r="J18" s="16" t="s">
        <v>16</v>
      </c>
      <c r="K18" s="17">
        <v>45148</v>
      </c>
      <c r="L18" s="15" t="s">
        <v>49</v>
      </c>
      <c r="M18" s="19">
        <v>2</v>
      </c>
      <c r="N18" s="12" t="s">
        <v>147</v>
      </c>
      <c r="O18" s="43">
        <v>0.375</v>
      </c>
      <c r="P18" s="21" t="s">
        <v>16</v>
      </c>
      <c r="Q18" s="44">
        <v>0.73958333333333337</v>
      </c>
      <c r="R18" s="12" t="s">
        <v>116</v>
      </c>
      <c r="S18" s="12" t="s">
        <v>148</v>
      </c>
      <c r="T18" s="10" t="s">
        <v>149</v>
      </c>
      <c r="U18" s="12" t="s">
        <v>150</v>
      </c>
      <c r="V18" s="11"/>
      <c r="W18" s="11"/>
      <c r="X18" s="11"/>
      <c r="Y18" s="45" t="s">
        <v>151</v>
      </c>
    </row>
    <row r="19" spans="1:25" s="31" customFormat="1" ht="180" customHeight="1" x14ac:dyDescent="0.2">
      <c r="A19" s="8">
        <v>17</v>
      </c>
      <c r="B19" s="8" t="s">
        <v>54</v>
      </c>
      <c r="C19" s="9" t="s">
        <v>55</v>
      </c>
      <c r="D19" s="10" t="s">
        <v>145</v>
      </c>
      <c r="E19" s="11" t="s">
        <v>15</v>
      </c>
      <c r="F19" s="12" t="s">
        <v>152</v>
      </c>
      <c r="G19" s="13">
        <v>2</v>
      </c>
      <c r="H19" s="14">
        <v>45133</v>
      </c>
      <c r="I19" s="46" t="s">
        <v>49</v>
      </c>
      <c r="J19" s="16" t="s">
        <v>16</v>
      </c>
      <c r="K19" s="17">
        <v>45148</v>
      </c>
      <c r="L19" s="46" t="s">
        <v>49</v>
      </c>
      <c r="M19" s="19">
        <v>2</v>
      </c>
      <c r="N19" s="12" t="s">
        <v>147</v>
      </c>
      <c r="O19" s="43">
        <v>0.375</v>
      </c>
      <c r="P19" s="21" t="s">
        <v>16</v>
      </c>
      <c r="Q19" s="44">
        <v>0.73958333333333337</v>
      </c>
      <c r="R19" s="12" t="s">
        <v>116</v>
      </c>
      <c r="S19" s="12" t="s">
        <v>148</v>
      </c>
      <c r="T19" s="10" t="s">
        <v>149</v>
      </c>
      <c r="U19" s="12" t="s">
        <v>150</v>
      </c>
      <c r="V19" s="11"/>
      <c r="W19" s="11"/>
      <c r="X19" s="11"/>
      <c r="Y19" s="45" t="s">
        <v>151</v>
      </c>
    </row>
    <row r="20" spans="1:25" s="31" customFormat="1" ht="180" customHeight="1" x14ac:dyDescent="0.2">
      <c r="A20" s="8">
        <v>18</v>
      </c>
      <c r="B20" s="8" t="s">
        <v>54</v>
      </c>
      <c r="C20" s="9" t="s">
        <v>55</v>
      </c>
      <c r="D20" s="10" t="s">
        <v>145</v>
      </c>
      <c r="E20" s="11" t="s">
        <v>15</v>
      </c>
      <c r="F20" s="12" t="s">
        <v>153</v>
      </c>
      <c r="G20" s="13">
        <v>1</v>
      </c>
      <c r="H20" s="14">
        <v>45133</v>
      </c>
      <c r="I20" s="46" t="s">
        <v>49</v>
      </c>
      <c r="J20" s="16" t="s">
        <v>16</v>
      </c>
      <c r="K20" s="17">
        <v>45148</v>
      </c>
      <c r="L20" s="46" t="s">
        <v>49</v>
      </c>
      <c r="M20" s="19">
        <v>2</v>
      </c>
      <c r="N20" s="12" t="s">
        <v>147</v>
      </c>
      <c r="O20" s="43">
        <v>0.375</v>
      </c>
      <c r="P20" s="21" t="s">
        <v>16</v>
      </c>
      <c r="Q20" s="44">
        <v>0.73958333333333337</v>
      </c>
      <c r="R20" s="12" t="s">
        <v>116</v>
      </c>
      <c r="S20" s="12" t="s">
        <v>148</v>
      </c>
      <c r="T20" s="10" t="s">
        <v>149</v>
      </c>
      <c r="U20" s="12" t="s">
        <v>150</v>
      </c>
      <c r="V20" s="11"/>
      <c r="W20" s="11"/>
      <c r="X20" s="11"/>
      <c r="Y20" s="45" t="s">
        <v>151</v>
      </c>
    </row>
    <row r="21" spans="1:25" s="31" customFormat="1" ht="180" customHeight="1" x14ac:dyDescent="0.2">
      <c r="A21" s="8">
        <v>19</v>
      </c>
      <c r="B21" s="8" t="s">
        <v>54</v>
      </c>
      <c r="C21" s="9" t="s">
        <v>55</v>
      </c>
      <c r="D21" s="10" t="s">
        <v>145</v>
      </c>
      <c r="E21" s="11" t="s">
        <v>15</v>
      </c>
      <c r="F21" s="12" t="s">
        <v>79</v>
      </c>
      <c r="G21" s="13">
        <v>1</v>
      </c>
      <c r="H21" s="14">
        <v>45133</v>
      </c>
      <c r="I21" s="46" t="s">
        <v>49</v>
      </c>
      <c r="J21" s="16" t="s">
        <v>16</v>
      </c>
      <c r="K21" s="17">
        <v>45148</v>
      </c>
      <c r="L21" s="46" t="s">
        <v>49</v>
      </c>
      <c r="M21" s="19">
        <v>2</v>
      </c>
      <c r="N21" s="12" t="s">
        <v>147</v>
      </c>
      <c r="O21" s="43">
        <v>0.375</v>
      </c>
      <c r="P21" s="21" t="s">
        <v>16</v>
      </c>
      <c r="Q21" s="44">
        <v>0.73958333333333337</v>
      </c>
      <c r="R21" s="12" t="s">
        <v>116</v>
      </c>
      <c r="S21" s="12" t="s">
        <v>148</v>
      </c>
      <c r="T21" s="10" t="s">
        <v>149</v>
      </c>
      <c r="U21" s="12" t="s">
        <v>150</v>
      </c>
      <c r="V21" s="11"/>
      <c r="W21" s="11"/>
      <c r="X21" s="11"/>
      <c r="Y21" s="45" t="s">
        <v>151</v>
      </c>
    </row>
    <row r="22" spans="1:25" s="31" customFormat="1" ht="317.39999999999998" customHeight="1" x14ac:dyDescent="0.2">
      <c r="A22" s="8">
        <v>20</v>
      </c>
      <c r="B22" s="8" t="s">
        <v>154</v>
      </c>
      <c r="C22" s="9" t="s">
        <v>93</v>
      </c>
      <c r="D22" s="10" t="s">
        <v>155</v>
      </c>
      <c r="E22" s="11" t="s">
        <v>156</v>
      </c>
      <c r="F22" s="12" t="s">
        <v>157</v>
      </c>
      <c r="G22" s="13">
        <v>2</v>
      </c>
      <c r="H22" s="14">
        <v>45133</v>
      </c>
      <c r="I22" s="15" t="s">
        <v>49</v>
      </c>
      <c r="J22" s="16" t="s">
        <v>16</v>
      </c>
      <c r="K22" s="17">
        <v>45141</v>
      </c>
      <c r="L22" s="18" t="s">
        <v>50</v>
      </c>
      <c r="M22" s="19">
        <v>7</v>
      </c>
      <c r="N22" s="20" t="s">
        <v>219</v>
      </c>
      <c r="O22" s="43">
        <v>0.375</v>
      </c>
      <c r="P22" s="21" t="s">
        <v>16</v>
      </c>
      <c r="Q22" s="44">
        <v>0.73958333333333337</v>
      </c>
      <c r="R22" s="22" t="s">
        <v>220</v>
      </c>
      <c r="S22" s="22" t="s">
        <v>158</v>
      </c>
      <c r="T22" s="10" t="s">
        <v>159</v>
      </c>
      <c r="U22" s="12" t="s">
        <v>160</v>
      </c>
      <c r="V22" s="11" t="s">
        <v>17</v>
      </c>
      <c r="W22" s="11" t="s">
        <v>17</v>
      </c>
      <c r="X22" s="11" t="s">
        <v>17</v>
      </c>
      <c r="Y22" s="45" t="s">
        <v>221</v>
      </c>
    </row>
    <row r="23" spans="1:25" s="31" customFormat="1" ht="406.2" customHeight="1" x14ac:dyDescent="0.2">
      <c r="A23" s="8">
        <v>21</v>
      </c>
      <c r="B23" s="8" t="s">
        <v>154</v>
      </c>
      <c r="C23" s="9" t="s">
        <v>93</v>
      </c>
      <c r="D23" s="10" t="s">
        <v>155</v>
      </c>
      <c r="E23" s="11" t="s">
        <v>156</v>
      </c>
      <c r="F23" s="12" t="s">
        <v>161</v>
      </c>
      <c r="G23" s="13">
        <v>2</v>
      </c>
      <c r="H23" s="14">
        <v>45133</v>
      </c>
      <c r="I23" s="46" t="s">
        <v>49</v>
      </c>
      <c r="J23" s="16" t="s">
        <v>16</v>
      </c>
      <c r="K23" s="17">
        <v>45141</v>
      </c>
      <c r="L23" s="48" t="s">
        <v>50</v>
      </c>
      <c r="M23" s="19">
        <v>7</v>
      </c>
      <c r="N23" s="20" t="s">
        <v>222</v>
      </c>
      <c r="O23" s="43">
        <v>0.375</v>
      </c>
      <c r="P23" s="21" t="s">
        <v>16</v>
      </c>
      <c r="Q23" s="44">
        <v>0.73958333333333337</v>
      </c>
      <c r="R23" s="22" t="s">
        <v>162</v>
      </c>
      <c r="S23" s="22" t="s">
        <v>163</v>
      </c>
      <c r="T23" s="10" t="s">
        <v>164</v>
      </c>
      <c r="U23" s="12" t="s">
        <v>165</v>
      </c>
      <c r="V23" s="11" t="s">
        <v>17</v>
      </c>
      <c r="W23" s="11" t="s">
        <v>17</v>
      </c>
      <c r="X23" s="11" t="s">
        <v>17</v>
      </c>
      <c r="Y23" s="45" t="s">
        <v>166</v>
      </c>
    </row>
    <row r="24" spans="1:25" s="31" customFormat="1" ht="180" customHeight="1" x14ac:dyDescent="0.2">
      <c r="A24" s="8">
        <v>22</v>
      </c>
      <c r="B24" s="8" t="s">
        <v>154</v>
      </c>
      <c r="C24" s="9" t="s">
        <v>93</v>
      </c>
      <c r="D24" s="10" t="s">
        <v>167</v>
      </c>
      <c r="E24" s="11" t="s">
        <v>156</v>
      </c>
      <c r="F24" s="12" t="s">
        <v>168</v>
      </c>
      <c r="G24" s="13">
        <v>3</v>
      </c>
      <c r="H24" s="14">
        <v>45139</v>
      </c>
      <c r="I24" s="46" t="s">
        <v>140</v>
      </c>
      <c r="J24" s="16" t="s">
        <v>16</v>
      </c>
      <c r="K24" s="17">
        <v>45142</v>
      </c>
      <c r="L24" s="46" t="s">
        <v>51</v>
      </c>
      <c r="M24" s="19">
        <v>4</v>
      </c>
      <c r="N24" s="12" t="s">
        <v>116</v>
      </c>
      <c r="O24" s="43">
        <v>0.39583333333333331</v>
      </c>
      <c r="P24" s="21" t="s">
        <v>16</v>
      </c>
      <c r="Q24" s="44">
        <v>0.70833333333333337</v>
      </c>
      <c r="R24" s="12" t="s">
        <v>116</v>
      </c>
      <c r="S24" s="10" t="s">
        <v>169</v>
      </c>
      <c r="T24" s="10" t="s">
        <v>170</v>
      </c>
      <c r="U24" s="12" t="s">
        <v>171</v>
      </c>
      <c r="V24" s="11" t="s">
        <v>17</v>
      </c>
      <c r="W24" s="11" t="s">
        <v>17</v>
      </c>
      <c r="X24" s="11" t="s">
        <v>40</v>
      </c>
      <c r="Y24" s="45" t="s">
        <v>172</v>
      </c>
    </row>
    <row r="25" spans="1:25" s="31" customFormat="1" ht="268.8" customHeight="1" x14ac:dyDescent="0.2">
      <c r="A25" s="8">
        <v>23</v>
      </c>
      <c r="B25" s="49" t="s">
        <v>154</v>
      </c>
      <c r="C25" s="50" t="s">
        <v>93</v>
      </c>
      <c r="D25" s="51" t="s">
        <v>173</v>
      </c>
      <c r="E25" s="25" t="s">
        <v>156</v>
      </c>
      <c r="F25" s="52" t="s">
        <v>174</v>
      </c>
      <c r="G25" s="32">
        <v>3</v>
      </c>
      <c r="H25" s="53">
        <v>45145</v>
      </c>
      <c r="I25" s="54" t="s">
        <v>26</v>
      </c>
      <c r="J25" s="55" t="s">
        <v>16</v>
      </c>
      <c r="K25" s="56">
        <v>45148</v>
      </c>
      <c r="L25" s="57" t="s">
        <v>50</v>
      </c>
      <c r="M25" s="32">
        <v>4</v>
      </c>
      <c r="N25" s="58" t="s">
        <v>52</v>
      </c>
      <c r="O25" s="59">
        <v>0.41666666666666669</v>
      </c>
      <c r="P25" s="60" t="s">
        <v>16</v>
      </c>
      <c r="Q25" s="61">
        <v>0.73958333333333337</v>
      </c>
      <c r="R25" s="61" t="s">
        <v>52</v>
      </c>
      <c r="S25" s="62" t="s">
        <v>175</v>
      </c>
      <c r="T25" s="51" t="s">
        <v>176</v>
      </c>
      <c r="U25" s="52" t="s">
        <v>177</v>
      </c>
      <c r="V25" s="25"/>
      <c r="W25" s="25" t="s">
        <v>17</v>
      </c>
      <c r="X25" s="25"/>
      <c r="Y25" s="51" t="s">
        <v>178</v>
      </c>
    </row>
    <row r="26" spans="1:25" s="31" customFormat="1" ht="268.8" customHeight="1" x14ac:dyDescent="0.2">
      <c r="A26" s="8">
        <v>24</v>
      </c>
      <c r="B26" s="8" t="s">
        <v>154</v>
      </c>
      <c r="C26" s="9" t="s">
        <v>55</v>
      </c>
      <c r="D26" s="10" t="s">
        <v>179</v>
      </c>
      <c r="E26" s="11" t="s">
        <v>156</v>
      </c>
      <c r="F26" s="12" t="s">
        <v>180</v>
      </c>
      <c r="G26" s="19">
        <v>4</v>
      </c>
      <c r="H26" s="14">
        <v>45138</v>
      </c>
      <c r="I26" s="15" t="str">
        <f>TEXT($H26,"(aaa)")</f>
        <v>(月)</v>
      </c>
      <c r="J26" s="16" t="s">
        <v>22</v>
      </c>
      <c r="K26" s="17">
        <v>45142</v>
      </c>
      <c r="L26" s="15" t="str">
        <f>TEXT($K26,"(aaa)")</f>
        <v>(金)</v>
      </c>
      <c r="M26" s="19">
        <v>5</v>
      </c>
      <c r="N26" s="24" t="s">
        <v>116</v>
      </c>
      <c r="O26" s="43">
        <v>0.375</v>
      </c>
      <c r="P26" s="21" t="s">
        <v>22</v>
      </c>
      <c r="Q26" s="44">
        <v>0.73958333333333337</v>
      </c>
      <c r="R26" s="12" t="s">
        <v>52</v>
      </c>
      <c r="S26" s="22" t="s">
        <v>181</v>
      </c>
      <c r="T26" s="10" t="s">
        <v>182</v>
      </c>
      <c r="U26" s="12" t="s">
        <v>183</v>
      </c>
      <c r="V26" s="11"/>
      <c r="W26" s="11" t="s">
        <v>17</v>
      </c>
      <c r="X26" s="11"/>
      <c r="Y26" s="45" t="s">
        <v>184</v>
      </c>
    </row>
    <row r="27" spans="1:25" s="31" customFormat="1" ht="217.95" customHeight="1" x14ac:dyDescent="0.2">
      <c r="A27" s="8">
        <v>30</v>
      </c>
      <c r="B27" s="8" t="s">
        <v>23</v>
      </c>
      <c r="C27" s="9" t="s">
        <v>185</v>
      </c>
      <c r="D27" s="10" t="s">
        <v>186</v>
      </c>
      <c r="E27" s="11" t="s">
        <v>21</v>
      </c>
      <c r="F27" s="12" t="s">
        <v>187</v>
      </c>
      <c r="G27" s="13">
        <v>3</v>
      </c>
      <c r="H27" s="14">
        <v>45140</v>
      </c>
      <c r="I27" s="46" t="str">
        <f t="shared" ref="I27" si="2">TEXT($H27,"(aaa)")</f>
        <v>(水)</v>
      </c>
      <c r="J27" s="16" t="s">
        <v>22</v>
      </c>
      <c r="K27" s="17">
        <v>45141</v>
      </c>
      <c r="L27" s="46" t="str">
        <f t="shared" ref="L27:L28" si="3">TEXT($K27,"(aaa)")</f>
        <v>(木)</v>
      </c>
      <c r="M27" s="19">
        <v>2</v>
      </c>
      <c r="N27" s="23" t="s">
        <v>52</v>
      </c>
      <c r="O27" s="43">
        <v>0.375</v>
      </c>
      <c r="P27" s="21" t="s">
        <v>22</v>
      </c>
      <c r="Q27" s="44">
        <v>0.73958333333333337</v>
      </c>
      <c r="R27" s="23" t="s">
        <v>52</v>
      </c>
      <c r="S27" s="12" t="s">
        <v>188</v>
      </c>
      <c r="T27" s="10" t="s">
        <v>189</v>
      </c>
      <c r="U27" s="12" t="s">
        <v>35</v>
      </c>
      <c r="V27" s="11"/>
      <c r="W27" s="11"/>
      <c r="X27" s="11"/>
      <c r="Y27" s="10" t="s">
        <v>37</v>
      </c>
    </row>
    <row r="28" spans="1:25" s="31" customFormat="1" ht="180" customHeight="1" x14ac:dyDescent="0.2">
      <c r="A28" s="8">
        <v>31</v>
      </c>
      <c r="B28" s="8" t="s">
        <v>23</v>
      </c>
      <c r="C28" s="9" t="s">
        <v>185</v>
      </c>
      <c r="D28" s="10" t="s">
        <v>190</v>
      </c>
      <c r="E28" s="11" t="s">
        <v>21</v>
      </c>
      <c r="F28" s="12" t="s">
        <v>191</v>
      </c>
      <c r="G28" s="13">
        <v>2</v>
      </c>
      <c r="H28" s="14">
        <v>45140</v>
      </c>
      <c r="I28" s="46" t="s">
        <v>126</v>
      </c>
      <c r="J28" s="16" t="s">
        <v>192</v>
      </c>
      <c r="K28" s="17">
        <v>45147</v>
      </c>
      <c r="L28" s="46" t="str">
        <f t="shared" si="3"/>
        <v>(水)</v>
      </c>
      <c r="M28" s="19">
        <v>2</v>
      </c>
      <c r="N28" s="12" t="s">
        <v>52</v>
      </c>
      <c r="O28" s="43">
        <v>0.375</v>
      </c>
      <c r="P28" s="21" t="s">
        <v>16</v>
      </c>
      <c r="Q28" s="44">
        <v>0.73958333333333337</v>
      </c>
      <c r="R28" s="23" t="s">
        <v>52</v>
      </c>
      <c r="S28" s="12" t="s">
        <v>193</v>
      </c>
      <c r="T28" s="10" t="s">
        <v>194</v>
      </c>
      <c r="U28" s="12" t="s">
        <v>35</v>
      </c>
      <c r="V28" s="11"/>
      <c r="W28" s="11"/>
      <c r="X28" s="11"/>
      <c r="Y28" s="45" t="s">
        <v>36</v>
      </c>
    </row>
    <row r="29" spans="1:25" s="31" customFormat="1" ht="180" customHeight="1" x14ac:dyDescent="0.2">
      <c r="A29" s="8">
        <v>32</v>
      </c>
      <c r="B29" s="8" t="s">
        <v>23</v>
      </c>
      <c r="C29" s="9" t="s">
        <v>185</v>
      </c>
      <c r="D29" s="10" t="s">
        <v>31</v>
      </c>
      <c r="E29" s="11" t="s">
        <v>21</v>
      </c>
      <c r="F29" s="12" t="s">
        <v>195</v>
      </c>
      <c r="G29" s="13">
        <v>2</v>
      </c>
      <c r="H29" s="14">
        <v>45133</v>
      </c>
      <c r="I29" s="46" t="str">
        <f t="shared" ref="I29" si="4">TEXT($H29,"(aaa)")</f>
        <v>(水)</v>
      </c>
      <c r="J29" s="16" t="s">
        <v>22</v>
      </c>
      <c r="K29" s="17">
        <v>45134</v>
      </c>
      <c r="L29" s="46" t="str">
        <f>TEXT($K29,"(aaa)")</f>
        <v>(木)</v>
      </c>
      <c r="M29" s="19">
        <v>2</v>
      </c>
      <c r="N29" s="63" t="s">
        <v>196</v>
      </c>
      <c r="O29" s="43">
        <v>0.375</v>
      </c>
      <c r="P29" s="21" t="s">
        <v>22</v>
      </c>
      <c r="Q29" s="44">
        <v>0.71875</v>
      </c>
      <c r="R29" s="23" t="s">
        <v>52</v>
      </c>
      <c r="S29" s="12" t="s">
        <v>38</v>
      </c>
      <c r="T29" s="10" t="s">
        <v>39</v>
      </c>
      <c r="U29" s="12" t="s">
        <v>24</v>
      </c>
      <c r="V29" s="11" t="s">
        <v>17</v>
      </c>
      <c r="W29" s="11" t="s">
        <v>17</v>
      </c>
      <c r="X29" s="11"/>
      <c r="Y29" s="12" t="s">
        <v>52</v>
      </c>
    </row>
    <row r="30" spans="1:25" s="31" customFormat="1" ht="217.95" customHeight="1" x14ac:dyDescent="0.2">
      <c r="A30" s="8">
        <v>47</v>
      </c>
      <c r="B30" s="8" t="s">
        <v>25</v>
      </c>
      <c r="C30" s="9" t="s">
        <v>41</v>
      </c>
      <c r="D30" s="10" t="s">
        <v>42</v>
      </c>
      <c r="E30" s="11" t="s">
        <v>21</v>
      </c>
      <c r="F30" s="12" t="s">
        <v>27</v>
      </c>
      <c r="G30" s="13">
        <v>1</v>
      </c>
      <c r="H30" s="14">
        <v>45138</v>
      </c>
      <c r="I30" s="15" t="s">
        <v>26</v>
      </c>
      <c r="J30" s="16" t="s">
        <v>16</v>
      </c>
      <c r="K30" s="17">
        <v>45142</v>
      </c>
      <c r="L30" s="15" t="s">
        <v>51</v>
      </c>
      <c r="M30" s="19">
        <v>5</v>
      </c>
      <c r="N30" s="12" t="s">
        <v>116</v>
      </c>
      <c r="O30" s="43">
        <v>0.35416666666666669</v>
      </c>
      <c r="P30" s="21" t="s">
        <v>16</v>
      </c>
      <c r="Q30" s="44">
        <v>0.71875</v>
      </c>
      <c r="R30" s="12" t="s">
        <v>116</v>
      </c>
      <c r="S30" s="12" t="s">
        <v>43</v>
      </c>
      <c r="T30" s="10" t="s">
        <v>44</v>
      </c>
      <c r="U30" s="12" t="s">
        <v>45</v>
      </c>
      <c r="V30" s="11" t="s">
        <v>17</v>
      </c>
      <c r="W30" s="11" t="s">
        <v>17</v>
      </c>
      <c r="X30" s="11" t="s">
        <v>17</v>
      </c>
      <c r="Y30" s="12" t="s">
        <v>116</v>
      </c>
    </row>
    <row r="31" spans="1:25" s="31" customFormat="1" ht="180" customHeight="1" x14ac:dyDescent="0.2">
      <c r="A31" s="8">
        <v>56</v>
      </c>
      <c r="B31" s="8" t="s">
        <v>25</v>
      </c>
      <c r="C31" s="9" t="s">
        <v>34</v>
      </c>
      <c r="D31" s="10" t="s">
        <v>46</v>
      </c>
      <c r="E31" s="11" t="s">
        <v>21</v>
      </c>
      <c r="F31" s="11" t="s">
        <v>27</v>
      </c>
      <c r="G31" s="13">
        <v>2</v>
      </c>
      <c r="H31" s="14">
        <v>45141</v>
      </c>
      <c r="I31" s="46" t="s">
        <v>50</v>
      </c>
      <c r="J31" s="16" t="s">
        <v>16</v>
      </c>
      <c r="K31" s="17">
        <v>45146</v>
      </c>
      <c r="L31" s="46" t="s">
        <v>140</v>
      </c>
      <c r="M31" s="19">
        <v>4</v>
      </c>
      <c r="N31" s="12" t="s">
        <v>116</v>
      </c>
      <c r="O31" s="43">
        <v>0.35416666666666669</v>
      </c>
      <c r="P31" s="21" t="s">
        <v>16</v>
      </c>
      <c r="Q31" s="44">
        <v>0.71875</v>
      </c>
      <c r="R31" s="12" t="s">
        <v>116</v>
      </c>
      <c r="S31" s="12" t="s">
        <v>53</v>
      </c>
      <c r="T31" s="10" t="s">
        <v>28</v>
      </c>
      <c r="U31" s="12" t="s">
        <v>198</v>
      </c>
      <c r="V31" s="11" t="s">
        <v>17</v>
      </c>
      <c r="W31" s="11" t="s">
        <v>17</v>
      </c>
      <c r="X31" s="11" t="s">
        <v>17</v>
      </c>
      <c r="Y31" s="10" t="s">
        <v>197</v>
      </c>
    </row>
    <row r="32" spans="1:25" s="31" customFormat="1" ht="180" customHeight="1" x14ac:dyDescent="0.2">
      <c r="A32" s="8">
        <v>96</v>
      </c>
      <c r="B32" s="72" t="s">
        <v>19</v>
      </c>
      <c r="C32" s="66" t="s">
        <v>200</v>
      </c>
      <c r="D32" s="81" t="s">
        <v>201</v>
      </c>
      <c r="E32" s="64" t="s">
        <v>21</v>
      </c>
      <c r="F32" s="64" t="s">
        <v>202</v>
      </c>
      <c r="G32" s="78">
        <v>1</v>
      </c>
      <c r="H32" s="73">
        <v>45140</v>
      </c>
      <c r="I32" s="74" t="s">
        <v>49</v>
      </c>
      <c r="J32" s="75" t="s">
        <v>16</v>
      </c>
      <c r="K32" s="76">
        <v>45142</v>
      </c>
      <c r="L32" s="77" t="s">
        <v>51</v>
      </c>
      <c r="M32" s="78">
        <v>3</v>
      </c>
      <c r="N32" s="82" t="s">
        <v>116</v>
      </c>
      <c r="O32" s="67">
        <v>0.375</v>
      </c>
      <c r="P32" s="68" t="s">
        <v>16</v>
      </c>
      <c r="Q32" s="69">
        <v>0.73958333333333337</v>
      </c>
      <c r="R32" s="69" t="s">
        <v>116</v>
      </c>
      <c r="S32" s="83" t="s">
        <v>53</v>
      </c>
      <c r="T32" s="81" t="s">
        <v>203</v>
      </c>
      <c r="U32" s="70" t="s">
        <v>204</v>
      </c>
      <c r="V32" s="64" t="s">
        <v>199</v>
      </c>
      <c r="W32" s="64" t="s">
        <v>40</v>
      </c>
      <c r="X32" s="64" t="s">
        <v>40</v>
      </c>
      <c r="Y32" s="84" t="s">
        <v>205</v>
      </c>
    </row>
    <row r="33" spans="1:25" s="31" customFormat="1" ht="217.95" customHeight="1" x14ac:dyDescent="0.2">
      <c r="A33" s="8">
        <v>107</v>
      </c>
      <c r="B33" s="72" t="s">
        <v>19</v>
      </c>
      <c r="C33" s="66" t="s">
        <v>200</v>
      </c>
      <c r="D33" s="65" t="s">
        <v>206</v>
      </c>
      <c r="E33" s="64" t="s">
        <v>21</v>
      </c>
      <c r="F33" s="64" t="s">
        <v>207</v>
      </c>
      <c r="G33" s="78">
        <v>1</v>
      </c>
      <c r="H33" s="73">
        <v>45133</v>
      </c>
      <c r="I33" s="74" t="s">
        <v>49</v>
      </c>
      <c r="J33" s="75" t="s">
        <v>16</v>
      </c>
      <c r="K33" s="76">
        <v>45148</v>
      </c>
      <c r="L33" s="74" t="s">
        <v>50</v>
      </c>
      <c r="M33" s="78">
        <v>2</v>
      </c>
      <c r="N33" s="79" t="s">
        <v>208</v>
      </c>
      <c r="O33" s="67">
        <v>0.375</v>
      </c>
      <c r="P33" s="68" t="s">
        <v>16</v>
      </c>
      <c r="Q33" s="69">
        <v>0.73958333333333337</v>
      </c>
      <c r="R33" s="69" t="s">
        <v>52</v>
      </c>
      <c r="S33" s="80" t="s">
        <v>209</v>
      </c>
      <c r="T33" s="65" t="s">
        <v>210</v>
      </c>
      <c r="U33" s="70" t="s">
        <v>204</v>
      </c>
      <c r="V33" s="64" t="s">
        <v>17</v>
      </c>
      <c r="W33" s="64" t="s">
        <v>17</v>
      </c>
      <c r="X33" s="64"/>
      <c r="Y33" s="65" t="s">
        <v>211</v>
      </c>
    </row>
    <row r="34" spans="1:25" s="31" customFormat="1" ht="220.2" customHeight="1" x14ac:dyDescent="0.2">
      <c r="A34" s="8">
        <v>108</v>
      </c>
      <c r="B34" s="72" t="s">
        <v>19</v>
      </c>
      <c r="C34" s="66" t="s">
        <v>200</v>
      </c>
      <c r="D34" s="65" t="s">
        <v>212</v>
      </c>
      <c r="E34" s="64" t="s">
        <v>21</v>
      </c>
      <c r="F34" s="64" t="s">
        <v>207</v>
      </c>
      <c r="G34" s="78">
        <v>2</v>
      </c>
      <c r="H34" s="73">
        <v>45133</v>
      </c>
      <c r="I34" s="74" t="s">
        <v>49</v>
      </c>
      <c r="J34" s="75" t="s">
        <v>16</v>
      </c>
      <c r="K34" s="76">
        <v>45135</v>
      </c>
      <c r="L34" s="77" t="s">
        <v>213</v>
      </c>
      <c r="M34" s="78">
        <v>2</v>
      </c>
      <c r="N34" s="79" t="s">
        <v>214</v>
      </c>
      <c r="O34" s="67">
        <v>0.375</v>
      </c>
      <c r="P34" s="68" t="s">
        <v>16</v>
      </c>
      <c r="Q34" s="69">
        <v>0.73958333333333337</v>
      </c>
      <c r="R34" s="69" t="s">
        <v>52</v>
      </c>
      <c r="S34" s="80" t="s">
        <v>215</v>
      </c>
      <c r="T34" s="65" t="s">
        <v>216</v>
      </c>
      <c r="U34" s="70" t="s">
        <v>217</v>
      </c>
      <c r="V34" s="64" t="s">
        <v>17</v>
      </c>
      <c r="W34" s="64" t="s">
        <v>17</v>
      </c>
      <c r="X34" s="64"/>
      <c r="Y34" s="65" t="s">
        <v>218</v>
      </c>
    </row>
  </sheetData>
  <autoFilter ref="A2:Y34" xr:uid="{00000000-0009-0000-0000-000000000000}">
    <filterColumn colId="7" showButton="0"/>
    <filterColumn colId="10" showButton="0"/>
    <filterColumn colId="14" showButton="0"/>
    <filterColumn colId="15" showButton="0"/>
  </autoFilter>
  <mergeCells count="4">
    <mergeCell ref="A1:Y1"/>
    <mergeCell ref="O2:Q2"/>
    <mergeCell ref="H2:I2"/>
    <mergeCell ref="K2:L2"/>
  </mergeCells>
  <phoneticPr fontId="4"/>
  <pageMargins left="0.7" right="0.7" top="0.75" bottom="0.75" header="0.3" footer="0.3"/>
  <pageSetup paperSize="8" scale="72" fitToHeight="0" orientation="landscape" r:id="rId1"/>
  <extLst>
    <ext xmlns:x14="http://schemas.microsoft.com/office/spreadsheetml/2009/9/main" uri="{CCE6A557-97BC-4b89-ADB6-D9C93CAAB3DF}">
      <x14:dataValidations xmlns:xm="http://schemas.microsoft.com/office/excel/2006/main" count="18">
        <x14:dataValidation type="list" allowBlank="1" showInputMessage="1" showErrorMessage="1" xr:uid="{00000000-0002-0000-0000-000000000000}">
          <x14:formula1>
            <xm:f>'\\10.224.247.10\職員課\人事係\人事係\3100_インターンシップ\都庁インターンシップ\R05年度\04 各部から\09障害\[【障害部】03_都庁インターンシップ2023実習部署調査票.xlsx]コード'!#REF!</xm:f>
          </x14:formula1>
          <xm:sqref>C12:C13 B11:B13 V12:X21 E12:E21 B14:C21</xm:sqref>
        </x14:dataValidation>
        <x14:dataValidation type="list" allowBlank="1" showInputMessage="1" showErrorMessage="1" xr:uid="{00000000-0002-0000-0000-000001000000}">
          <x14:formula1>
            <xm:f>[少子_都庁インターンシップ2023実習部署調査票_.xlsx]コード!#REF!</xm:f>
          </x14:formula1>
          <xm:sqref>E4 B4:C4 V4:X5</xm:sqref>
        </x14:dataValidation>
        <x14:dataValidation type="list" allowBlank="1" showInputMessage="1" showErrorMessage="1" xr:uid="{00000000-0002-0000-0000-000002000000}">
          <x14:formula1>
            <xm:f>'\\10.224.75.11\b-40 採用班\■採用事務\インターンシップ制度\★R04実施★\02_実習部署調査\01_起案\H31\[04_都庁インターンシップ2019実習部署調査票 .xlsx]コード'!#REF!</xm:f>
          </x14:formula1>
          <xm:sqref>V22:X23</xm:sqref>
        </x14:dataValidation>
        <x14:dataValidation type="list" allowBlank="1" showInputMessage="1" showErrorMessage="1" xr:uid="{00000000-0002-0000-0000-000003000000}">
          <x14:formula1>
            <xm:f>'\\10.226.129.11\健康安全部\共有２\2300_採用関係\2304_インターンシップ\R5インターンシップ\01 受入職場の設定(〆切4月19日)\R50419 各課等から\健研から(研究職)\[【4月18日締_薬事環境科学部】03_都庁インターンシップ2023実習部署調査票.xlsx]コード'!#REF!</xm:f>
          </x14:formula1>
          <xm:sqref>B26:C26 V26:X26</xm:sqref>
        </x14:dataValidation>
        <x14:dataValidation type="list" allowBlank="1" showInputMessage="1" showErrorMessage="1" xr:uid="{00000000-0002-0000-0000-000004000000}">
          <x14:formula1>
            <xm:f>'[【薬務課】03_都庁インターンシップ2023実習部署調査票 .xlsx]コード'!#REF!</xm:f>
          </x14:formula1>
          <xm:sqref>B24:C24 E24 V24:X24</xm:sqref>
        </x14:dataValidation>
        <x14:dataValidation type="list" allowBlank="1" showInputMessage="1" showErrorMessage="1" xr:uid="{00000000-0002-0000-0000-000005000000}">
          <x14:formula1>
            <xm:f>'Z:\03-1 リクルート業務に関すること\03  リクルート活動（Ｒ５）\14    インターンシップ\2    都庁インターンシップ2023\３ 各所回答\[（立川南）03_都庁インターンシップ2023実習部署調査票_.xlsx]コード'!#REF!</xm:f>
          </x14:formula1>
          <xm:sqref>B5:C5 E5</xm:sqref>
        </x14:dataValidation>
        <x14:dataValidation type="list" allowBlank="1" showInputMessage="1" showErrorMessage="1" xr:uid="{00000000-0002-0000-0000-000006000000}">
          <x14:formula1>
            <xm:f>'Z:\03-1 リクルート業務に関すること\03  リクルート活動（Ｒ５）\14    インターンシップ\2    都庁インターンシップ2023\３ 各所回答\[八王子_都庁インターンシップ2023実習部署調査票 .xlsx]コード'!#REF!</xm:f>
          </x14:formula1>
          <xm:sqref>B6:C6 E6 V6:X6</xm:sqref>
        </x14:dataValidation>
        <x14:dataValidation type="list" allowBlank="1" showInputMessage="1" showErrorMessage="1" xr:uid="{00000000-0002-0000-0000-000007000000}">
          <x14:formula1>
            <xm:f>'Z:\03-1 リクルート業務に関すること\03  リクルート活動（Ｒ５）\14    インターンシップ\2    都庁インターンシップ2023\３ 各所回答\[【足立保護】03_都庁インターンシップ2023実習部署調査票 .xlsx]コード'!#REF!</xm:f>
          </x14:formula1>
          <xm:sqref>B8:B9</xm:sqref>
        </x14:dataValidation>
        <x14:dataValidation type="list" allowBlank="1" showInputMessage="1" showErrorMessage="1" xr:uid="{00000000-0002-0000-0000-000008000000}">
          <x14:formula1>
            <xm:f>'Z:\03-1 リクルート業務に関すること\03  リクルート活動（Ｒ５）\14    インターンシップ\2    都庁インターンシップ2023\３ 各所回答\[立川心理）都庁インターンシップ2023実習部署調査票.xlsx]コード'!#REF!</xm:f>
          </x14:formula1>
          <xm:sqref>C8 E8 V8:X8</xm:sqref>
        </x14:dataValidation>
        <x14:dataValidation type="list" allowBlank="1" showInputMessage="1" showErrorMessage="1" xr:uid="{00000000-0002-0000-0000-000009000000}">
          <x14:formula1>
            <xm:f>[【杉並】03_都庁インターンシップ2023実習部署調査票_.xlsx]コード!#REF!</xm:f>
          </x14:formula1>
          <xm:sqref>E9 V9:X9 C9</xm:sqref>
        </x14:dataValidation>
        <x14:dataValidation type="list" allowBlank="1" showInputMessage="1" showErrorMessage="1" xr:uid="{00000000-0002-0000-0000-00000A000000}">
          <x14:formula1>
            <xm:f>'\\10.226.120.3\計画課\人事関係\01　人事担当関係\10　採用\05　ⅠB・ⅠA・キャリア活用（人事委員会採用）\11　実習生（インターンシップ）受入関係\都庁インターンシップ\R5年度\03　（受入調査）各所回答\[誠明03_都庁インターンシップ2023実習部署調査票_.xlsx]コード'!#REF!</xm:f>
          </x14:formula1>
          <xm:sqref>B10:C10 E10 V10:X10</xm:sqref>
        </x14:dataValidation>
        <x14:dataValidation type="list" allowBlank="1" showInputMessage="1" showErrorMessage="1" xr:uid="{00000000-0002-0000-0000-00000B000000}">
          <x14:formula1>
            <xm:f>'\\10.224.247.10\職員課\人事係\人事係\3100_インターンシップ\都庁インターンシップ\R05年度\04 各部から\05保政\[【050418回答】都庁インターンシップ2023実習部署調査票（保健指導調整担当） .xlsx]コード'!#REF!</xm:f>
          </x14:formula1>
          <xm:sqref>B3:C3 E3 V3:X3</xm:sqref>
        </x14:dataValidation>
        <x14:dataValidation type="list" allowBlank="1" showInputMessage="1" showErrorMessage="1" xr:uid="{00000000-0002-0000-0000-00000C000000}">
          <x14:formula1>
            <xm:f>'[02_【05 農林水産部】都庁インターンシップ2023実習部署調査票.xlsx]コード'!#REF!</xm:f>
          </x14:formula1>
          <xm:sqref>V27:X28 E27:E28</xm:sqref>
        </x14:dataValidation>
        <x14:dataValidation type="list" allowBlank="1" showInputMessage="1" showErrorMessage="1" xr:uid="{00000000-0002-0000-0000-00000D000000}">
          <x14:formula1>
            <xm:f>'C:\Users\T0532474\AppData\Local\Microsoft\Windows\INetCache\Content.Outlook\A0XL7G6W\[02_【05 農林水産部】都庁インターンシップ2023実習部署調査票(水産課・島しょセ).xlsx]コード'!#REF!</xm:f>
          </x14:formula1>
          <xm:sqref>E29 V29:X29</xm:sqref>
        </x14:dataValidation>
        <x14:dataValidation type="list" allowBlank="1" showInputMessage="1" showErrorMessage="1" xr:uid="{00000000-0002-0000-0000-00000E000000}">
          <x14:formula1>
            <xm:f>'\\gesui.local\fs\20施設管理部\2011管理課\01庶務係\令和5年度\05_人事担当（機密A）\17_インターンシップ\01_受入可能職場の調査\03_各課回答\[（管路管理課）03-1_【第１ターム】都庁インターンシップ2023実習部署調査票.xlsx]コード'!#REF!</xm:f>
          </x14:formula1>
          <xm:sqref>E31 B31:C31 V31:X31</xm:sqref>
        </x14:dataValidation>
        <x14:dataValidation type="list" allowBlank="1" showInputMessage="1" showErrorMessage="1" xr:uid="{00000000-0002-0000-0000-00000F000000}">
          <x14:formula1>
            <xm:f>'\\10.224.251.10\b-40 採用班\■採用事務\インターンシップ制度\★R05実施★\02_実習部署調査\08_各局から校正OK\19_水道局●\[（校正確認用）【水道局】04_都庁インターンシップ2023実習部署調査票.xlsx]コード'!#REF!</xm:f>
          </x14:formula1>
          <xm:sqref>B30:C30 V30:X30 E30</xm:sqref>
        </x14:dataValidation>
        <x14:dataValidation type="list" allowBlank="1" showInputMessage="1" showErrorMessage="1" xr:uid="{00000000-0002-0000-0000-000010000000}">
          <x14:formula1>
            <xm:f>'\\10.224.251.10\b-40 採用班\■採用事務\インターンシップ制度\★R05実施★\02_実習部署調査\08_各局から校正OK\13_産労局●\[産労修正（校正確認用）（産労）都庁インターンシップ2023実習部署調査票 .xlsx]コード'!#REF!</xm:f>
          </x14:formula1>
          <xm:sqref>B27:B29</xm:sqref>
        </x14:dataValidation>
        <x14:dataValidation type="list" allowBlank="1" showInputMessage="1" showErrorMessage="1" xr:uid="{00000000-0002-0000-0000-000011000000}">
          <x14:formula1>
            <xm:f>'\\doc211.bsv.sanro.tocho.local\12501総務部職員課人事担当\05_採用・選考\インターンシップ各種\都庁インターンシップ\令和５年度\01 令和５年度都庁インターンシップ受入職場の設定等について（R5.4.6）\02 各部へ\[02_【01 商工部】都庁インターンシップ2023実習部署調査票 .xlsx]コード'!#REF!</xm:f>
          </x14:formula1>
          <xm:sqref>C27:C29</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専門職 第1ターム</vt:lpstr>
      <vt:lpstr>'専門職 第1ターム'!Print_Area</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京都</dc:creator>
  <cp:lastModifiedBy>水嶋 麻貴</cp:lastModifiedBy>
  <cp:lastPrinted>2023-05-12T09:30:16Z</cp:lastPrinted>
  <dcterms:created xsi:type="dcterms:W3CDTF">2019-04-19T06:42:41Z</dcterms:created>
  <dcterms:modified xsi:type="dcterms:W3CDTF">2023-05-15T07:08:52Z</dcterms:modified>
</cp:coreProperties>
</file>